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804914\Desktop\"/>
    </mc:Choice>
  </mc:AlternateContent>
  <xr:revisionPtr revIDLastSave="0" documentId="8_{6E11DEB2-4C6B-43F5-BB27-BBFAAD33DFE2}" xr6:coauthVersionLast="47" xr6:coauthVersionMax="47" xr10:uidLastSave="{00000000-0000-0000-0000-000000000000}"/>
  <bookViews>
    <workbookView xWindow="-110" yWindow="-110" windowWidth="19420" windowHeight="11020" xr2:uid="{00000000-000D-0000-FFFF-FFFF00000000}"/>
  </bookViews>
  <sheets>
    <sheet name="2021 Spending review" sheetId="1" r:id="rId1"/>
    <sheet name="Spring Statement 2022" sheetId="2" r:id="rId2"/>
    <sheet name="Autumn Statement 2022" sheetId="3" r:id="rId3"/>
    <sheet name="Spring Budget 2023" sheetId="4" r:id="rId4"/>
  </sheets>
  <definedNames>
    <definedName name="_xlnm._FilterDatabase" localSheetId="0" hidden="1">'2021 Spending review'!$A$3:$L$112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50" uniqueCount="140">
  <si>
    <t>2021 Spending review</t>
  </si>
  <si>
    <t>For more detail on the operation of the Barnett formula and calculation of consequentials, see the Statement of Funding Policy 2021</t>
  </si>
  <si>
    <t>Funding type</t>
  </si>
  <si>
    <t>Small and Independent Bodies or UKG Department</t>
  </si>
  <si>
    <t>Body type</t>
  </si>
  <si>
    <t>Population Lookup</t>
  </si>
  <si>
    <t>UK: Diff. btwn. 2021-22 Baseline and Settlement - 2022-23 (£m)</t>
  </si>
  <si>
    <t>UK: Diff. btwn. 2021-22 Baseline and Settlement - 2023-24 (£m)</t>
  </si>
  <si>
    <t>UK: Diff. btwn. 2021-22 Baseline and Settlement - 2024-25 (£m)</t>
  </si>
  <si>
    <t>Comparability factor</t>
  </si>
  <si>
    <t>Population share</t>
  </si>
  <si>
    <t>Scottish Government Barnett consequential relative to 2021-22 baseline - 2022-23 (£m)</t>
  </si>
  <si>
    <t>Scottish Government Barnett consequential relative to 2021-22 baseline - 2023-24 (£m)</t>
  </si>
  <si>
    <t>Scottish Government Barnett consequential relative to 2021-22 baseline - 2024-25 (£m)</t>
  </si>
  <si>
    <t xml:space="preserve">Resource DEL Excl depreciation </t>
  </si>
  <si>
    <t>Health</t>
  </si>
  <si>
    <t>UKG Department</t>
  </si>
  <si>
    <t>E</t>
  </si>
  <si>
    <t>Education</t>
  </si>
  <si>
    <t>Defence</t>
  </si>
  <si>
    <t>UK</t>
  </si>
  <si>
    <t>Home Office</t>
  </si>
  <si>
    <t>E&amp;W</t>
  </si>
  <si>
    <t>Justice</t>
  </si>
  <si>
    <t>Local Government</t>
  </si>
  <si>
    <t>Work and Pensions</t>
  </si>
  <si>
    <t>HM Revenue and Customs</t>
  </si>
  <si>
    <t>Transport (Excluding Network Rail) (Scotland)</t>
  </si>
  <si>
    <t>Network Rail</t>
  </si>
  <si>
    <t>Business Energy and Industrial Strategy</t>
  </si>
  <si>
    <t>Communities</t>
  </si>
  <si>
    <t>Environment and Rural Affairs</t>
  </si>
  <si>
    <t>Culture, Media and Sport</t>
  </si>
  <si>
    <t>Single Intelligence Account</t>
  </si>
  <si>
    <t>HM Treasury</t>
  </si>
  <si>
    <t>Cabinet Office</t>
  </si>
  <si>
    <t>Law Officer's Department</t>
  </si>
  <si>
    <t>Business Rates Income</t>
  </si>
  <si>
    <t>Charity Commission</t>
  </si>
  <si>
    <t>Small and Independent Bodies</t>
  </si>
  <si>
    <t>Competition and Markets Authority</t>
  </si>
  <si>
    <t>Export Credits Guarantee Department</t>
  </si>
  <si>
    <t>Food Standards Agency</t>
  </si>
  <si>
    <t>Government Actuary's Department</t>
  </si>
  <si>
    <t>HM Land Registry</t>
  </si>
  <si>
    <t>House of Commons: Administration</t>
  </si>
  <si>
    <t>House of Commons: Members</t>
  </si>
  <si>
    <t>House of Lords</t>
  </si>
  <si>
    <t>Independent Parliamentary Standards Authority</t>
  </si>
  <si>
    <t>Local Government Boundary Commission for England</t>
  </si>
  <si>
    <t>National Audit Office</t>
  </si>
  <si>
    <t>National Savings and Investments</t>
  </si>
  <si>
    <t>Office for Standards In Education, Children's Services and Skills</t>
  </si>
  <si>
    <t>Office of Gas and Electricity Markets</t>
  </si>
  <si>
    <t>GB</t>
  </si>
  <si>
    <t>Office of Rail Regulation</t>
  </si>
  <si>
    <t>Office of the Parliamentary Commissioner for Administration and the Health Service Commissioner for England</t>
  </si>
  <si>
    <t>Parliamentary Works Sponsor Body</t>
  </si>
  <si>
    <t>The National Archives</t>
  </si>
  <si>
    <t>The Statistics Board</t>
  </si>
  <si>
    <t>United Kingdom Supreme Court</t>
  </si>
  <si>
    <t>Water Services Regulation Authority</t>
  </si>
  <si>
    <t>Office of Qualifications and Exams Regulation</t>
  </si>
  <si>
    <t>The Electoral Commission</t>
  </si>
  <si>
    <t>ENI</t>
  </si>
  <si>
    <t>Total UKG Department Barnett Consequentials</t>
  </si>
  <si>
    <t>UK Government Department</t>
  </si>
  <si>
    <t>-</t>
  </si>
  <si>
    <t>Total Small and Independent Bodies Barnett Consequentials</t>
  </si>
  <si>
    <t>Total Overall Barnett Consequentials</t>
  </si>
  <si>
    <t>All Departments and bodies</t>
  </si>
  <si>
    <t>Capital DEL (PSGI - Public Sector Gross Investment)</t>
  </si>
  <si>
    <t>Financial Transactions (FTs)</t>
  </si>
  <si>
    <t>Help to buy</t>
  </si>
  <si>
    <t>Spring Statement 2022: Scottish Government Barnett consequentials</t>
  </si>
  <si>
    <t>Measure</t>
  </si>
  <si>
    <t>2022-23 (£m)</t>
  </si>
  <si>
    <t>2023-24 (£m)</t>
  </si>
  <si>
    <t>2024-25 (£m)</t>
  </si>
  <si>
    <t>Resource DEL</t>
  </si>
  <si>
    <t>Business Rates</t>
  </si>
  <si>
    <t xml:space="preserve">Green Business Rates </t>
  </si>
  <si>
    <t>Department for Levelling Up, Housing and Communities: Local Government</t>
  </si>
  <si>
    <t>Department for Work and Pensions</t>
  </si>
  <si>
    <t>Debt Enforcement Function</t>
  </si>
  <si>
    <t>Extending the Houshold Support Fund</t>
  </si>
  <si>
    <t>Total Resource DEL</t>
  </si>
  <si>
    <t>Total</t>
  </si>
  <si>
    <t>Capital DEL</t>
  </si>
  <si>
    <t>Total Capital DEL</t>
  </si>
  <si>
    <t>Total Resource + Capital DEL</t>
  </si>
  <si>
    <t>Autumn Statement 2022: Scottish Government Barnett consequentials</t>
  </si>
  <si>
    <t>Resource DEL - £ Millions</t>
  </si>
  <si>
    <t>22-23 (£m)</t>
  </si>
  <si>
    <t>23-24 (£m)</t>
  </si>
  <si>
    <t>24-25 (£m)</t>
  </si>
  <si>
    <t>Health and Social Care</t>
  </si>
  <si>
    <t>Transport</t>
  </si>
  <si>
    <t>Levelling up, Housing and Communities</t>
  </si>
  <si>
    <t>Environment, Food and Rural Affairs</t>
  </si>
  <si>
    <t>Smalls</t>
  </si>
  <si>
    <t>Digital, Culture, Media and Sport</t>
  </si>
  <si>
    <t>Business rates</t>
  </si>
  <si>
    <t>Totals</t>
  </si>
  <si>
    <t>Spring Budget 2023: Scottish Government Barnett consequentials</t>
  </si>
  <si>
    <t>Spending Classification</t>
  </si>
  <si>
    <t>Dept</t>
  </si>
  <si>
    <t>Measure (confirmed name)</t>
  </si>
  <si>
    <t>Territorial Extent</t>
  </si>
  <si>
    <t>UKG 22-23 (£m)</t>
  </si>
  <si>
    <t>UKG 23-24 (£m)</t>
  </si>
  <si>
    <t>UKG 24-25 (£m)</t>
  </si>
  <si>
    <t>Population %</t>
  </si>
  <si>
    <t>Comparability Factor</t>
  </si>
  <si>
    <t>SG 22-23 (£m)</t>
  </si>
  <si>
    <t>SG 23-24 (£m)</t>
  </si>
  <si>
    <t>SG 24-25 (£m)</t>
  </si>
  <si>
    <t>RDEL</t>
  </si>
  <si>
    <t xml:space="preserve">9-36 month 30 hours working parents </t>
  </si>
  <si>
    <t>Uplift existing entitlement for childcare</t>
  </si>
  <si>
    <t>Uplift to the rates and ratios from Sep 2023</t>
  </si>
  <si>
    <t>Wraparound Childcare</t>
  </si>
  <si>
    <t xml:space="preserve">Work and Health: IPS </t>
  </si>
  <si>
    <t>Work and Health: Employment advice in MSK</t>
  </si>
  <si>
    <t>Universal Support</t>
  </si>
  <si>
    <t>Skills Bootcamps/Returnerships</t>
  </si>
  <si>
    <t>SWAPs (DfE costs)</t>
  </si>
  <si>
    <t>Occupational Health measures - SME subsidy piot expansion</t>
  </si>
  <si>
    <t>WorkWell Partnerships programme pilot</t>
  </si>
  <si>
    <t>Digitise NHS Health Check</t>
  </si>
  <si>
    <t>Digital Mental Health Hub &amp; digitising IAPT pilot &amp; Levelling up IAPT</t>
  </si>
  <si>
    <t>Employment support for care leavers: Staying Close</t>
  </si>
  <si>
    <t>CDEL (PSGI)</t>
  </si>
  <si>
    <t>Potholes Funding</t>
  </si>
  <si>
    <t>Leisure Centres</t>
  </si>
  <si>
    <t>Charities (DCMS)</t>
  </si>
  <si>
    <t>Open access to MSK tools/apps</t>
  </si>
  <si>
    <t>Work and Health: Scaling up MSK hubs</t>
  </si>
  <si>
    <t>Suicide Prevention</t>
  </si>
  <si>
    <t>Childminder Gran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%"/>
  </numFmts>
  <fonts count="9" x14ac:knownFonts="1">
    <font>
      <sz val="11"/>
      <color theme="1"/>
      <name val="Calibri"/>
      <family val="2"/>
      <scheme val="minor"/>
    </font>
    <font>
      <sz val="12"/>
      <color theme="1"/>
      <name val="Arial"/>
      <family val="2"/>
    </font>
    <font>
      <b/>
      <sz val="12"/>
      <color theme="1"/>
      <name val="Arial"/>
      <family val="2"/>
    </font>
    <font>
      <b/>
      <sz val="16"/>
      <color theme="1"/>
      <name val="Arial"/>
      <family val="2"/>
    </font>
    <font>
      <u/>
      <sz val="11"/>
      <color theme="10"/>
      <name val="Calibri"/>
      <family val="2"/>
      <scheme val="minor"/>
    </font>
    <font>
      <u/>
      <sz val="11"/>
      <color theme="10"/>
      <name val="Arial"/>
      <family val="2"/>
    </font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b/>
      <sz val="11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3">
    <xf numFmtId="0" fontId="0" fillId="0" borderId="0"/>
    <xf numFmtId="9" fontId="6" fillId="0" borderId="0" applyFont="0" applyFill="0" applyBorder="0" applyAlignment="0" applyProtection="0"/>
    <xf numFmtId="0" fontId="4" fillId="0" borderId="0" applyNumberFormat="0" applyFill="0" applyBorder="0" applyAlignment="0" applyProtection="0"/>
  </cellStyleXfs>
  <cellXfs count="12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3" fontId="1" fillId="0" borderId="0" xfId="0" applyNumberFormat="1" applyFont="1"/>
    <xf numFmtId="0" fontId="2" fillId="0" borderId="0" xfId="0" applyFont="1" applyAlignment="1">
      <alignment wrapText="1"/>
    </xf>
    <xf numFmtId="0" fontId="3" fillId="0" borderId="0" xfId="0" applyFont="1"/>
    <xf numFmtId="0" fontId="5" fillId="0" borderId="0" xfId="2" applyFont="1"/>
    <xf numFmtId="164" fontId="1" fillId="0" borderId="0" xfId="1" applyNumberFormat="1" applyFont="1"/>
    <xf numFmtId="0" fontId="7" fillId="0" borderId="0" xfId="0" applyFont="1"/>
    <xf numFmtId="0" fontId="8" fillId="0" borderId="0" xfId="0" applyFont="1"/>
    <xf numFmtId="0" fontId="8" fillId="0" borderId="0" xfId="0" applyFont="1" applyAlignment="1">
      <alignment horizontal="right" wrapText="1"/>
    </xf>
    <xf numFmtId="0" fontId="8" fillId="0" borderId="0" xfId="0" applyFont="1" applyAlignment="1">
      <alignment wrapText="1"/>
    </xf>
  </cellXfs>
  <cellStyles count="3">
    <cellStyle name="Hyperlink" xfId="2" builtinId="8"/>
    <cellStyle name="Normal" xfId="0" builtinId="0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12" Type="http://schemas.openxmlformats.org/officeDocument/2006/relationships/customXml" Target="../customXml/item5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4.xml"/><Relationship Id="rId5" Type="http://schemas.openxmlformats.org/officeDocument/2006/relationships/theme" Target="theme/theme1.xml"/><Relationship Id="rId10" Type="http://schemas.openxmlformats.org/officeDocument/2006/relationships/customXml" Target="../customXml/item3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2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assets.publishing.service.gov.uk/government/uploads/system/uploads/attachment_data/file/1030043/Statement_of_Funding_Policy_2021_-_FINAL.pdf" TargetMode="Externa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8394CD-C832-46A4-BFAE-0F520B0EB692}">
  <dimension ref="A1:L112"/>
  <sheetViews>
    <sheetView tabSelected="1" zoomScale="70" zoomScaleNormal="70" workbookViewId="0"/>
  </sheetViews>
  <sheetFormatPr defaultColWidth="9.1796875" defaultRowHeight="15.5" x14ac:dyDescent="0.35"/>
  <cols>
    <col min="1" max="2" width="43.453125" style="1" customWidth="1"/>
    <col min="3" max="3" width="26.7265625" style="1" bestFit="1" customWidth="1"/>
    <col min="4" max="4" width="14" style="1" customWidth="1"/>
    <col min="5" max="7" width="14.26953125" style="1" customWidth="1"/>
    <col min="8" max="8" width="17.54296875" style="1" customWidth="1"/>
    <col min="9" max="9" width="14.26953125" style="1" customWidth="1"/>
    <col min="10" max="10" width="14.81640625" style="1" customWidth="1"/>
    <col min="11" max="11" width="15" style="1" customWidth="1"/>
    <col min="12" max="12" width="15.7265625" style="1" customWidth="1"/>
    <col min="13" max="16384" width="9.1796875" style="1"/>
  </cols>
  <sheetData>
    <row r="1" spans="1:12" ht="20" x14ac:dyDescent="0.4">
      <c r="A1" s="5" t="s">
        <v>0</v>
      </c>
    </row>
    <row r="2" spans="1:12" x14ac:dyDescent="0.35">
      <c r="A2" s="6" t="s">
        <v>1</v>
      </c>
    </row>
    <row r="3" spans="1:12" s="2" customFormat="1" ht="124" x14ac:dyDescent="0.35">
      <c r="A3" s="4" t="s">
        <v>2</v>
      </c>
      <c r="B3" s="4" t="s">
        <v>3</v>
      </c>
      <c r="C3" s="4" t="s">
        <v>4</v>
      </c>
      <c r="D3" s="4" t="s">
        <v>5</v>
      </c>
      <c r="E3" s="4" t="s">
        <v>6</v>
      </c>
      <c r="F3" s="4" t="s">
        <v>7</v>
      </c>
      <c r="G3" s="4" t="s">
        <v>8</v>
      </c>
      <c r="H3" s="4" t="s">
        <v>9</v>
      </c>
      <c r="I3" s="4" t="s">
        <v>10</v>
      </c>
      <c r="J3" s="4" t="s">
        <v>11</v>
      </c>
      <c r="K3" s="4" t="s">
        <v>12</v>
      </c>
      <c r="L3" s="4" t="s">
        <v>13</v>
      </c>
    </row>
    <row r="4" spans="1:12" x14ac:dyDescent="0.35">
      <c r="A4" s="1" t="s">
        <v>14</v>
      </c>
      <c r="B4" s="1" t="s">
        <v>15</v>
      </c>
      <c r="C4" s="1" t="s">
        <v>16</v>
      </c>
      <c r="D4" s="1" t="s">
        <v>17</v>
      </c>
      <c r="E4" s="3">
        <v>18549.257692572515</v>
      </c>
      <c r="F4" s="3">
        <v>24295.786975714989</v>
      </c>
      <c r="G4" s="3">
        <v>29417.376904807781</v>
      </c>
      <c r="H4" s="7">
        <v>0.99498809648699538</v>
      </c>
      <c r="I4" s="7">
        <v>9.6657589058403354E-2</v>
      </c>
      <c r="J4" s="3">
        <v>1783.9405526259306</v>
      </c>
      <c r="K4" s="3">
        <v>2336.6023785034786</v>
      </c>
      <c r="L4" s="3">
        <v>2829.1618178004851</v>
      </c>
    </row>
    <row r="5" spans="1:12" x14ac:dyDescent="0.35">
      <c r="A5" s="1" t="s">
        <v>14</v>
      </c>
      <c r="B5" s="1" t="s">
        <v>18</v>
      </c>
      <c r="C5" s="1" t="s">
        <v>16</v>
      </c>
      <c r="D5" s="1" t="s">
        <v>17</v>
      </c>
      <c r="E5" s="3">
        <v>6094.2859487789101</v>
      </c>
      <c r="F5" s="3">
        <v>8350.050143858607</v>
      </c>
      <c r="G5" s="3">
        <v>9763.1417047850118</v>
      </c>
      <c r="H5" s="7">
        <v>1</v>
      </c>
      <c r="I5" s="7">
        <v>9.6657589058403354E-2</v>
      </c>
      <c r="J5" s="3">
        <v>589.05898684147371</v>
      </c>
      <c r="K5" s="3">
        <v>807.09571542214701</v>
      </c>
      <c r="L5" s="3">
        <v>943.6817388200692</v>
      </c>
    </row>
    <row r="6" spans="1:12" x14ac:dyDescent="0.35">
      <c r="A6" s="1" t="s">
        <v>14</v>
      </c>
      <c r="B6" s="1" t="s">
        <v>19</v>
      </c>
      <c r="C6" s="1" t="s">
        <v>16</v>
      </c>
      <c r="D6" s="1" t="s">
        <v>20</v>
      </c>
      <c r="E6" s="3">
        <v>802.88808871683432</v>
      </c>
      <c r="F6" s="3">
        <v>611.56506667792564</v>
      </c>
      <c r="G6" s="3">
        <v>822.62791892865789</v>
      </c>
      <c r="H6" s="7">
        <v>0</v>
      </c>
      <c r="I6" s="7">
        <v>0</v>
      </c>
      <c r="J6" s="3">
        <v>0</v>
      </c>
      <c r="K6" s="3">
        <v>0</v>
      </c>
      <c r="L6" s="3">
        <v>0</v>
      </c>
    </row>
    <row r="7" spans="1:12" x14ac:dyDescent="0.35">
      <c r="A7" s="1" t="s">
        <v>14</v>
      </c>
      <c r="B7" s="1" t="s">
        <v>21</v>
      </c>
      <c r="C7" s="1" t="s">
        <v>16</v>
      </c>
      <c r="D7" s="1" t="s">
        <v>22</v>
      </c>
      <c r="E7" s="3">
        <v>1512.0984544783623</v>
      </c>
      <c r="F7" s="3">
        <v>1880.0403807818711</v>
      </c>
      <c r="G7" s="3">
        <v>2054.9481817451215</v>
      </c>
      <c r="H7" s="7">
        <v>0.74054708068499342</v>
      </c>
      <c r="I7" s="7">
        <v>9.15275495914884E-2</v>
      </c>
      <c r="J7" s="3">
        <v>102.4907282839665</v>
      </c>
      <c r="K7" s="3">
        <v>127.43000117414442</v>
      </c>
      <c r="L7" s="3">
        <v>139.28533232019387</v>
      </c>
    </row>
    <row r="8" spans="1:12" x14ac:dyDescent="0.35">
      <c r="A8" s="1" t="s">
        <v>14</v>
      </c>
      <c r="B8" s="1" t="s">
        <v>23</v>
      </c>
      <c r="C8" s="1" t="s">
        <v>16</v>
      </c>
      <c r="D8" s="1" t="s">
        <v>22</v>
      </c>
      <c r="E8" s="3">
        <v>964.67585291228534</v>
      </c>
      <c r="F8" s="3">
        <v>1440.6289679822185</v>
      </c>
      <c r="G8" s="3">
        <v>1713.9113368262351</v>
      </c>
      <c r="H8" s="7">
        <v>1</v>
      </c>
      <c r="I8" s="7">
        <v>9.15275495914884E-2</v>
      </c>
      <c r="J8" s="3">
        <v>88.294416967140563</v>
      </c>
      <c r="K8" s="3">
        <v>131.85723930992725</v>
      </c>
      <c r="L8" s="3">
        <v>156.87010487677742</v>
      </c>
    </row>
    <row r="9" spans="1:12" x14ac:dyDescent="0.35">
      <c r="A9" s="1" t="s">
        <v>14</v>
      </c>
      <c r="B9" s="1" t="s">
        <v>24</v>
      </c>
      <c r="C9" s="1" t="s">
        <v>16</v>
      </c>
      <c r="D9" s="1" t="s">
        <v>17</v>
      </c>
      <c r="E9" s="3">
        <v>2650.2650255263998</v>
      </c>
      <c r="F9" s="3">
        <v>3038.4804240550002</v>
      </c>
      <c r="G9" s="3">
        <v>3691.9226444824999</v>
      </c>
      <c r="H9" s="7">
        <v>1</v>
      </c>
      <c r="I9" s="7">
        <v>9.6657589058403354E-2</v>
      </c>
      <c r="J9" s="3">
        <v>256.16822773318961</v>
      </c>
      <c r="K9" s="3">
        <v>293.69219219031135</v>
      </c>
      <c r="L9" s="3">
        <v>356.85234180580323</v>
      </c>
    </row>
    <row r="10" spans="1:12" x14ac:dyDescent="0.35">
      <c r="A10" s="1" t="s">
        <v>14</v>
      </c>
      <c r="B10" s="1" t="s">
        <v>25</v>
      </c>
      <c r="C10" s="1" t="s">
        <v>16</v>
      </c>
      <c r="D10" s="1" t="s">
        <v>22</v>
      </c>
      <c r="E10" s="3">
        <v>1497.4946097629245</v>
      </c>
      <c r="F10" s="3">
        <v>990.79831747667049</v>
      </c>
      <c r="G10" s="3">
        <v>835.69419324575301</v>
      </c>
      <c r="H10" s="7">
        <v>0.20051862666181633</v>
      </c>
      <c r="I10" s="7">
        <v>9.15275495914884E-2</v>
      </c>
      <c r="J10" s="3">
        <v>27.483486445439894</v>
      </c>
      <c r="K10" s="3">
        <v>18.184100263870555</v>
      </c>
      <c r="L10" s="3">
        <v>15.337477599494413</v>
      </c>
    </row>
    <row r="11" spans="1:12" x14ac:dyDescent="0.35">
      <c r="A11" s="1" t="s">
        <v>14</v>
      </c>
      <c r="B11" s="1" t="s">
        <v>26</v>
      </c>
      <c r="C11" s="1" t="s">
        <v>16</v>
      </c>
      <c r="D11" s="1" t="s">
        <v>17</v>
      </c>
      <c r="E11" s="3">
        <v>970.9362632477787</v>
      </c>
      <c r="F11" s="3">
        <v>688.04524665269855</v>
      </c>
      <c r="G11" s="3">
        <v>454.35267881108848</v>
      </c>
      <c r="H11" s="7">
        <v>4.0026938567631308E-2</v>
      </c>
      <c r="I11" s="7">
        <v>9.6657589058403354E-2</v>
      </c>
      <c r="J11" s="3">
        <v>3.7564624737443135</v>
      </c>
      <c r="K11" s="3">
        <v>2.6619833320917272</v>
      </c>
      <c r="L11" s="3">
        <v>1.7578484318733283</v>
      </c>
    </row>
    <row r="12" spans="1:12" x14ac:dyDescent="0.35">
      <c r="A12" s="1" t="s">
        <v>14</v>
      </c>
      <c r="B12" s="1" t="s">
        <v>27</v>
      </c>
      <c r="C12" s="1" t="s">
        <v>16</v>
      </c>
      <c r="D12" s="1" t="s">
        <v>17</v>
      </c>
      <c r="E12" s="3">
        <v>2.2908328234152577</v>
      </c>
      <c r="F12" s="3">
        <v>-293.09904803915742</v>
      </c>
      <c r="G12" s="3">
        <v>-554.96390816373059</v>
      </c>
      <c r="H12" s="7">
        <v>0.91710000000000003</v>
      </c>
      <c r="I12" s="7">
        <v>9.6657589058403354E-2</v>
      </c>
      <c r="J12" s="3">
        <v>0.20307013094022316</v>
      </c>
      <c r="K12" s="3">
        <v>-25.981669834393397</v>
      </c>
      <c r="L12" s="3">
        <v>-49.194595234537687</v>
      </c>
    </row>
    <row r="13" spans="1:12" x14ac:dyDescent="0.35">
      <c r="A13" s="1" t="s">
        <v>14</v>
      </c>
      <c r="B13" s="1" t="s">
        <v>28</v>
      </c>
      <c r="C13" s="1" t="s">
        <v>16</v>
      </c>
      <c r="D13" s="1" t="s">
        <v>22</v>
      </c>
      <c r="E13" s="3"/>
      <c r="F13" s="3"/>
      <c r="G13" s="3">
        <v>-505</v>
      </c>
      <c r="H13" s="7">
        <v>1</v>
      </c>
      <c r="I13" s="7">
        <v>9.15275495914884E-2</v>
      </c>
      <c r="J13" s="3"/>
      <c r="K13" s="3"/>
      <c r="L13" s="3"/>
    </row>
    <row r="14" spans="1:12" x14ac:dyDescent="0.35">
      <c r="A14" s="1" t="s">
        <v>14</v>
      </c>
      <c r="B14" s="1" t="s">
        <v>29</v>
      </c>
      <c r="C14" s="1" t="s">
        <v>16</v>
      </c>
      <c r="D14" s="1" t="s">
        <v>17</v>
      </c>
      <c r="E14" s="3">
        <v>264.10954043175934</v>
      </c>
      <c r="F14" s="3">
        <v>360.90714448328072</v>
      </c>
      <c r="G14" s="3">
        <v>265.84906971299915</v>
      </c>
      <c r="H14" s="7">
        <v>6.7459015008865864E-2</v>
      </c>
      <c r="I14" s="7">
        <v>9.6657589058403354E-2</v>
      </c>
      <c r="J14" s="3">
        <v>1.7221066485190883</v>
      </c>
      <c r="K14" s="3">
        <v>2.3532682386128552</v>
      </c>
      <c r="L14" s="3">
        <v>1.7334491200391231</v>
      </c>
    </row>
    <row r="15" spans="1:12" x14ac:dyDescent="0.35">
      <c r="A15" s="1" t="s">
        <v>14</v>
      </c>
      <c r="B15" s="1" t="s">
        <v>30</v>
      </c>
      <c r="C15" s="1" t="s">
        <v>16</v>
      </c>
      <c r="D15" s="1" t="s">
        <v>17</v>
      </c>
      <c r="E15" s="3">
        <v>226.74175147192204</v>
      </c>
      <c r="F15" s="3">
        <v>231.43945360800694</v>
      </c>
      <c r="G15" s="3">
        <v>202.77566297905219</v>
      </c>
      <c r="H15" s="7">
        <v>1</v>
      </c>
      <c r="I15" s="7">
        <v>9.6657589058403354E-2</v>
      </c>
      <c r="J15" s="3">
        <v>21.916311036155665</v>
      </c>
      <c r="K15" s="3">
        <v>22.370379598744144</v>
      </c>
      <c r="L15" s="3">
        <v>19.59980670327452</v>
      </c>
    </row>
    <row r="16" spans="1:12" x14ac:dyDescent="0.35">
      <c r="A16" s="1" t="s">
        <v>14</v>
      </c>
      <c r="B16" s="1" t="s">
        <v>31</v>
      </c>
      <c r="C16" s="1" t="s">
        <v>16</v>
      </c>
      <c r="D16" s="1" t="s">
        <v>17</v>
      </c>
      <c r="E16" s="3">
        <v>486.28075030781929</v>
      </c>
      <c r="F16" s="3">
        <v>388.82642269742382</v>
      </c>
      <c r="G16" s="3">
        <v>378.94519121554322</v>
      </c>
      <c r="H16" s="7">
        <v>0.96927288945833734</v>
      </c>
      <c r="I16" s="7">
        <v>9.6657589058403354E-2</v>
      </c>
      <c r="J16" s="3">
        <v>45.558467005573618</v>
      </c>
      <c r="K16" s="3">
        <v>36.428206829372748</v>
      </c>
      <c r="L16" s="3">
        <v>35.502458158143767</v>
      </c>
    </row>
    <row r="17" spans="1:12" x14ac:dyDescent="0.35">
      <c r="A17" s="1" t="s">
        <v>14</v>
      </c>
      <c r="B17" s="1" t="s">
        <v>32</v>
      </c>
      <c r="C17" s="1" t="s">
        <v>16</v>
      </c>
      <c r="D17" s="1" t="s">
        <v>17</v>
      </c>
      <c r="E17" s="3">
        <v>674.1231362081553</v>
      </c>
      <c r="F17" s="3">
        <v>164.88610560561096</v>
      </c>
      <c r="G17" s="3">
        <v>188.22662939310476</v>
      </c>
      <c r="H17" s="7">
        <v>0.68027054884628102</v>
      </c>
      <c r="I17" s="7">
        <v>9.6657589058403354E-2</v>
      </c>
      <c r="J17" s="3">
        <v>44.325828334520722</v>
      </c>
      <c r="K17" s="3">
        <v>10.841807407668005</v>
      </c>
      <c r="L17" s="3">
        <v>12.37652413087922</v>
      </c>
    </row>
    <row r="18" spans="1:12" x14ac:dyDescent="0.35">
      <c r="A18" s="1" t="s">
        <v>14</v>
      </c>
      <c r="B18" s="1" t="s">
        <v>33</v>
      </c>
      <c r="C18" s="1" t="s">
        <v>16</v>
      </c>
      <c r="D18" s="1" t="s">
        <v>20</v>
      </c>
      <c r="E18" s="3">
        <v>128.23834491280286</v>
      </c>
      <c r="F18" s="3">
        <v>205.35974990661953</v>
      </c>
      <c r="G18" s="3">
        <v>275.74311877889522</v>
      </c>
      <c r="H18" s="7">
        <v>0</v>
      </c>
      <c r="I18" s="7">
        <v>0</v>
      </c>
      <c r="J18" s="3">
        <v>0</v>
      </c>
      <c r="K18" s="3">
        <v>0</v>
      </c>
      <c r="L18" s="3">
        <v>0</v>
      </c>
    </row>
    <row r="19" spans="1:12" x14ac:dyDescent="0.35">
      <c r="A19" s="1" t="s">
        <v>14</v>
      </c>
      <c r="B19" s="1" t="s">
        <v>34</v>
      </c>
      <c r="C19" s="1" t="s">
        <v>16</v>
      </c>
      <c r="D19" s="1" t="s">
        <v>20</v>
      </c>
      <c r="E19" s="3">
        <v>52.122126576447471</v>
      </c>
      <c r="F19" s="3">
        <v>42.158730909846923</v>
      </c>
      <c r="G19" s="3">
        <v>23.896409611111693</v>
      </c>
      <c r="H19" s="7">
        <v>6.9791706651498603E-6</v>
      </c>
      <c r="I19" s="7">
        <v>0</v>
      </c>
      <c r="J19" s="3">
        <v>0</v>
      </c>
      <c r="K19" s="3">
        <v>0</v>
      </c>
      <c r="L19" s="3">
        <v>0</v>
      </c>
    </row>
    <row r="20" spans="1:12" x14ac:dyDescent="0.35">
      <c r="A20" s="1" t="s">
        <v>14</v>
      </c>
      <c r="B20" s="1" t="s">
        <v>35</v>
      </c>
      <c r="C20" s="1" t="s">
        <v>16</v>
      </c>
      <c r="D20" s="1" t="s">
        <v>20</v>
      </c>
      <c r="E20" s="3">
        <v>83.641088276608002</v>
      </c>
      <c r="F20" s="3">
        <v>61.351018565034224</v>
      </c>
      <c r="G20" s="3">
        <v>56.086017122247881</v>
      </c>
      <c r="H20" s="7">
        <v>0</v>
      </c>
      <c r="I20" s="7">
        <v>0</v>
      </c>
      <c r="J20" s="3">
        <v>0</v>
      </c>
      <c r="K20" s="3">
        <v>0</v>
      </c>
      <c r="L20" s="3">
        <v>0</v>
      </c>
    </row>
    <row r="21" spans="1:12" x14ac:dyDescent="0.35">
      <c r="A21" s="1" t="s">
        <v>14</v>
      </c>
      <c r="B21" s="1" t="s">
        <v>36</v>
      </c>
      <c r="C21" s="1" t="s">
        <v>16</v>
      </c>
      <c r="D21" s="1" t="s">
        <v>22</v>
      </c>
      <c r="E21" s="3">
        <v>69.515709764756139</v>
      </c>
      <c r="F21" s="3">
        <v>85.123061970716094</v>
      </c>
      <c r="G21" s="3">
        <v>98.14865777057139</v>
      </c>
      <c r="H21" s="7">
        <v>0.98255219999999999</v>
      </c>
      <c r="I21" s="7">
        <v>9.15275495914884E-2</v>
      </c>
      <c r="J21" s="3">
        <v>6.2515891557101151</v>
      </c>
      <c r="K21" s="3">
        <v>7.6551676292711388</v>
      </c>
      <c r="L21" s="3">
        <v>8.8265672125394836</v>
      </c>
    </row>
    <row r="22" spans="1:12" x14ac:dyDescent="0.35">
      <c r="A22" s="1" t="s">
        <v>14</v>
      </c>
      <c r="B22" s="1" t="s">
        <v>37</v>
      </c>
      <c r="C22" s="1" t="s">
        <v>16</v>
      </c>
      <c r="D22" s="1" t="s">
        <v>17</v>
      </c>
      <c r="E22" s="3">
        <v>1576.3000000000175</v>
      </c>
      <c r="F22" s="3">
        <v>617.90000000002874</v>
      </c>
      <c r="G22" s="3">
        <v>384.49999999998545</v>
      </c>
      <c r="H22" s="7">
        <v>1</v>
      </c>
      <c r="I22" s="7">
        <v>9.6657589058403354E-2</v>
      </c>
      <c r="J22" s="3">
        <v>152.36135763276289</v>
      </c>
      <c r="K22" s="3">
        <v>59.724724279190212</v>
      </c>
      <c r="L22" s="3">
        <v>37.164842992954682</v>
      </c>
    </row>
    <row r="23" spans="1:12" x14ac:dyDescent="0.35">
      <c r="A23" s="1" t="s">
        <v>14</v>
      </c>
      <c r="B23" s="1" t="s">
        <v>38</v>
      </c>
      <c r="C23" s="1" t="s">
        <v>39</v>
      </c>
      <c r="D23" s="1" t="s">
        <v>22</v>
      </c>
      <c r="E23" s="3">
        <v>1.5359262942552157</v>
      </c>
      <c r="F23" s="3">
        <v>0.7474435229222145</v>
      </c>
      <c r="G23" s="3">
        <v>0.95879241932320625</v>
      </c>
      <c r="H23" s="7">
        <v>1</v>
      </c>
      <c r="I23" s="7">
        <v>9.15275495914884E-2</v>
      </c>
      <c r="J23" s="3">
        <v>0.14057957006631525</v>
      </c>
      <c r="K23" s="3">
        <v>6.8411674111099788E-2</v>
      </c>
      <c r="L23" s="3">
        <v>8.7755920707547896E-2</v>
      </c>
    </row>
    <row r="24" spans="1:12" x14ac:dyDescent="0.35">
      <c r="A24" s="1" t="s">
        <v>14</v>
      </c>
      <c r="B24" s="1" t="s">
        <v>40</v>
      </c>
      <c r="C24" s="1" t="s">
        <v>39</v>
      </c>
      <c r="D24" s="1" t="s">
        <v>20</v>
      </c>
      <c r="E24" s="3">
        <v>2.894837222927876</v>
      </c>
      <c r="F24" s="3">
        <v>18.338284912717839</v>
      </c>
      <c r="G24" s="3">
        <v>20.880616667062469</v>
      </c>
      <c r="H24" s="7">
        <v>0</v>
      </c>
      <c r="I24" s="7">
        <v>0</v>
      </c>
      <c r="J24" s="3">
        <v>0</v>
      </c>
      <c r="K24" s="3">
        <v>0</v>
      </c>
      <c r="L24" s="3">
        <v>0</v>
      </c>
    </row>
    <row r="25" spans="1:12" x14ac:dyDescent="0.35">
      <c r="A25" s="1" t="s">
        <v>14</v>
      </c>
      <c r="B25" s="1" t="s">
        <v>41</v>
      </c>
      <c r="C25" s="1" t="s">
        <v>39</v>
      </c>
      <c r="D25" s="1" t="s">
        <v>20</v>
      </c>
      <c r="E25" s="3">
        <v>0</v>
      </c>
      <c r="F25" s="3">
        <v>0</v>
      </c>
      <c r="G25" s="3">
        <v>0</v>
      </c>
      <c r="H25" s="7">
        <v>0</v>
      </c>
      <c r="I25" s="7">
        <v>0</v>
      </c>
      <c r="J25" s="3">
        <v>0</v>
      </c>
      <c r="K25" s="3">
        <v>0</v>
      </c>
      <c r="L25" s="3">
        <v>0</v>
      </c>
    </row>
    <row r="26" spans="1:12" x14ac:dyDescent="0.35">
      <c r="A26" s="1" t="s">
        <v>14</v>
      </c>
      <c r="B26" s="1" t="s">
        <v>42</v>
      </c>
      <c r="C26" s="1" t="s">
        <v>39</v>
      </c>
      <c r="D26" s="1" t="s">
        <v>17</v>
      </c>
      <c r="E26" s="3">
        <v>9.9950686563222177</v>
      </c>
      <c r="F26" s="3">
        <v>10.338625013436996</v>
      </c>
      <c r="G26" s="3">
        <v>10.180530061569868</v>
      </c>
      <c r="H26" s="7">
        <v>1</v>
      </c>
      <c r="I26" s="7">
        <v>9.6657589058403354E-2</v>
      </c>
      <c r="J26" s="3">
        <v>0.96609923879332071</v>
      </c>
      <c r="K26" s="3">
        <v>0.99930656797772299</v>
      </c>
      <c r="L26" s="3">
        <v>0.98402549108794213</v>
      </c>
    </row>
    <row r="27" spans="1:12" x14ac:dyDescent="0.35">
      <c r="A27" s="1" t="s">
        <v>14</v>
      </c>
      <c r="B27" s="1" t="s">
        <v>43</v>
      </c>
      <c r="C27" s="1" t="s">
        <v>39</v>
      </c>
      <c r="D27" s="1" t="s">
        <v>20</v>
      </c>
      <c r="E27" s="3">
        <v>0.15389411179351237</v>
      </c>
      <c r="F27" s="3">
        <v>0.27889411179351237</v>
      </c>
      <c r="G27" s="3">
        <v>0.32289411179351235</v>
      </c>
      <c r="H27" s="7">
        <v>0</v>
      </c>
      <c r="I27" s="7">
        <v>0</v>
      </c>
      <c r="J27" s="3">
        <v>0</v>
      </c>
      <c r="K27" s="3">
        <v>0</v>
      </c>
      <c r="L27" s="3">
        <v>0</v>
      </c>
    </row>
    <row r="28" spans="1:12" x14ac:dyDescent="0.35">
      <c r="A28" s="1" t="s">
        <v>14</v>
      </c>
      <c r="B28" s="1" t="s">
        <v>44</v>
      </c>
      <c r="C28" s="1" t="s">
        <v>39</v>
      </c>
      <c r="D28" s="1" t="s">
        <v>22</v>
      </c>
      <c r="E28" s="3">
        <v>33.008907154211499</v>
      </c>
      <c r="F28" s="3">
        <v>30.960058904067353</v>
      </c>
      <c r="G28" s="3">
        <v>25.507060138897259</v>
      </c>
      <c r="H28" s="7">
        <v>1</v>
      </c>
      <c r="I28" s="7">
        <v>9.15275495914884E-2</v>
      </c>
      <c r="J28" s="3">
        <v>3.0212243865179294</v>
      </c>
      <c r="K28" s="3">
        <v>2.8336983266974265</v>
      </c>
      <c r="L28" s="3">
        <v>2.3345987117959957</v>
      </c>
    </row>
    <row r="29" spans="1:12" x14ac:dyDescent="0.35">
      <c r="A29" s="1" t="s">
        <v>14</v>
      </c>
      <c r="B29" s="1" t="s">
        <v>45</v>
      </c>
      <c r="C29" s="1" t="s">
        <v>39</v>
      </c>
      <c r="D29" s="1" t="s">
        <v>20</v>
      </c>
      <c r="E29" s="3">
        <v>24.299999999999955</v>
      </c>
      <c r="F29" s="3">
        <v>30.5</v>
      </c>
      <c r="G29" s="3">
        <v>36.899999999999977</v>
      </c>
      <c r="H29" s="7">
        <v>0</v>
      </c>
      <c r="I29" s="7">
        <v>0</v>
      </c>
      <c r="J29" s="3">
        <v>0</v>
      </c>
      <c r="K29" s="3">
        <v>0</v>
      </c>
      <c r="L29" s="3">
        <v>0</v>
      </c>
    </row>
    <row r="30" spans="1:12" x14ac:dyDescent="0.35">
      <c r="A30" s="1" t="s">
        <v>14</v>
      </c>
      <c r="B30" s="1" t="s">
        <v>46</v>
      </c>
      <c r="C30" s="1" t="s">
        <v>39</v>
      </c>
      <c r="D30" s="1" t="s">
        <v>20</v>
      </c>
      <c r="E30" s="3">
        <v>0.30000000000000071</v>
      </c>
      <c r="F30" s="3">
        <v>0.5</v>
      </c>
      <c r="G30" s="3">
        <v>0.69999999999999929</v>
      </c>
      <c r="H30" s="7">
        <v>0</v>
      </c>
      <c r="I30" s="7">
        <v>0</v>
      </c>
      <c r="J30" s="3">
        <v>0</v>
      </c>
      <c r="K30" s="3">
        <v>0</v>
      </c>
      <c r="L30" s="3">
        <v>0</v>
      </c>
    </row>
    <row r="31" spans="1:12" x14ac:dyDescent="0.35">
      <c r="A31" s="1" t="s">
        <v>14</v>
      </c>
      <c r="B31" s="1" t="s">
        <v>47</v>
      </c>
      <c r="C31" s="1" t="s">
        <v>39</v>
      </c>
      <c r="D31" s="1" t="s">
        <v>20</v>
      </c>
      <c r="E31" s="3">
        <v>-3.9000000000000057</v>
      </c>
      <c r="F31" s="3">
        <v>0.69999999999998863</v>
      </c>
      <c r="G31" s="3">
        <v>5</v>
      </c>
      <c r="H31" s="7">
        <v>0</v>
      </c>
      <c r="I31" s="7">
        <v>0</v>
      </c>
      <c r="J31" s="3">
        <v>0</v>
      </c>
      <c r="K31" s="3">
        <v>0</v>
      </c>
      <c r="L31" s="3">
        <v>0</v>
      </c>
    </row>
    <row r="32" spans="1:12" x14ac:dyDescent="0.35">
      <c r="A32" s="1" t="s">
        <v>14</v>
      </c>
      <c r="B32" s="1" t="s">
        <v>48</v>
      </c>
      <c r="C32" s="1" t="s">
        <v>39</v>
      </c>
      <c r="D32" s="1" t="s">
        <v>20</v>
      </c>
      <c r="E32" s="3">
        <v>9.4000000000000057</v>
      </c>
      <c r="F32" s="3">
        <v>13.400000000000006</v>
      </c>
      <c r="G32" s="3">
        <v>17.600000000000023</v>
      </c>
      <c r="H32" s="7">
        <v>0</v>
      </c>
      <c r="I32" s="7">
        <v>0</v>
      </c>
      <c r="J32" s="3">
        <v>0</v>
      </c>
      <c r="K32" s="3">
        <v>0</v>
      </c>
      <c r="L32" s="3">
        <v>0</v>
      </c>
    </row>
    <row r="33" spans="1:12" x14ac:dyDescent="0.35">
      <c r="A33" s="1" t="s">
        <v>14</v>
      </c>
      <c r="B33" s="1" t="s">
        <v>49</v>
      </c>
      <c r="C33" s="1" t="s">
        <v>39</v>
      </c>
      <c r="D33" s="1" t="s">
        <v>17</v>
      </c>
      <c r="E33" s="3">
        <v>-9.2000000000000082E-2</v>
      </c>
      <c r="F33" s="3">
        <v>-5.300000000000038E-2</v>
      </c>
      <c r="G33" s="3">
        <v>5.8999999999999719E-2</v>
      </c>
      <c r="H33" s="7">
        <v>1</v>
      </c>
      <c r="I33" s="7">
        <v>9.6657589058403354E-2</v>
      </c>
      <c r="J33" s="3">
        <v>-8.8924981933731165E-3</v>
      </c>
      <c r="K33" s="3">
        <v>-5.1228522200954148E-3</v>
      </c>
      <c r="L33" s="3">
        <v>5.7027977544457705E-3</v>
      </c>
    </row>
    <row r="34" spans="1:12" x14ac:dyDescent="0.35">
      <c r="A34" s="1" t="s">
        <v>14</v>
      </c>
      <c r="B34" s="1" t="s">
        <v>50</v>
      </c>
      <c r="C34" s="1" t="s">
        <v>39</v>
      </c>
      <c r="D34" s="1" t="s">
        <v>20</v>
      </c>
      <c r="E34" s="3">
        <v>0</v>
      </c>
      <c r="F34" s="3">
        <v>-9.9999999999994316E-2</v>
      </c>
      <c r="G34" s="3">
        <v>1.5</v>
      </c>
      <c r="H34" s="7">
        <v>0</v>
      </c>
      <c r="I34" s="7">
        <v>0</v>
      </c>
      <c r="J34" s="3">
        <v>0</v>
      </c>
      <c r="K34" s="3">
        <v>0</v>
      </c>
      <c r="L34" s="3">
        <v>0</v>
      </c>
    </row>
    <row r="35" spans="1:12" x14ac:dyDescent="0.35">
      <c r="A35" s="1" t="s">
        <v>14</v>
      </c>
      <c r="B35" s="1" t="s">
        <v>51</v>
      </c>
      <c r="C35" s="1" t="s">
        <v>39</v>
      </c>
      <c r="D35" s="1" t="s">
        <v>20</v>
      </c>
      <c r="E35" s="3">
        <v>55.793787281436664</v>
      </c>
      <c r="F35" s="3">
        <v>104.8608666394131</v>
      </c>
      <c r="G35" s="3">
        <v>65.929317507738574</v>
      </c>
      <c r="H35" s="7">
        <v>0</v>
      </c>
      <c r="I35" s="7">
        <v>0</v>
      </c>
      <c r="J35" s="3">
        <v>0</v>
      </c>
      <c r="K35" s="3">
        <v>0</v>
      </c>
      <c r="L35" s="3">
        <v>0</v>
      </c>
    </row>
    <row r="36" spans="1:12" x14ac:dyDescent="0.35">
      <c r="A36" s="1" t="s">
        <v>14</v>
      </c>
      <c r="B36" s="1" t="s">
        <v>52</v>
      </c>
      <c r="C36" s="1" t="s">
        <v>39</v>
      </c>
      <c r="D36" s="1" t="s">
        <v>17</v>
      </c>
      <c r="E36" s="3">
        <v>3.5406002262074878</v>
      </c>
      <c r="F36" s="3">
        <v>3.5916056590818641</v>
      </c>
      <c r="G36" s="3">
        <v>3.6433944409576782</v>
      </c>
      <c r="H36" s="7">
        <v>1</v>
      </c>
      <c r="I36" s="7">
        <v>9.6657589058403354E-2</v>
      </c>
      <c r="J36" s="3">
        <v>0.34222588168485329</v>
      </c>
      <c r="K36" s="3">
        <v>0.34715594385537074</v>
      </c>
      <c r="L36" s="3">
        <v>0.35216172265175849</v>
      </c>
    </row>
    <row r="37" spans="1:12" x14ac:dyDescent="0.35">
      <c r="A37" s="1" t="s">
        <v>14</v>
      </c>
      <c r="B37" s="1" t="s">
        <v>53</v>
      </c>
      <c r="C37" s="1" t="s">
        <v>39</v>
      </c>
      <c r="D37" s="1" t="s">
        <v>54</v>
      </c>
      <c r="E37" s="3">
        <v>0.61182083791340802</v>
      </c>
      <c r="F37" s="3">
        <v>0.61182083791340802</v>
      </c>
      <c r="G37" s="3">
        <v>0.61182083791340802</v>
      </c>
      <c r="H37" s="7">
        <v>0</v>
      </c>
      <c r="I37" s="7">
        <v>0</v>
      </c>
      <c r="J37" s="3">
        <v>0</v>
      </c>
      <c r="K37" s="3">
        <v>0</v>
      </c>
      <c r="L37" s="3">
        <v>0</v>
      </c>
    </row>
    <row r="38" spans="1:12" x14ac:dyDescent="0.35">
      <c r="A38" s="1" t="s">
        <v>14</v>
      </c>
      <c r="B38" s="1" t="s">
        <v>55</v>
      </c>
      <c r="C38" s="1" t="s">
        <v>39</v>
      </c>
      <c r="D38" s="1" t="s">
        <v>54</v>
      </c>
      <c r="E38" s="3">
        <v>0.20331337860735005</v>
      </c>
      <c r="F38" s="3">
        <v>0.20331337860735005</v>
      </c>
      <c r="G38" s="3">
        <v>0.20331337860735005</v>
      </c>
      <c r="H38" s="7">
        <v>0</v>
      </c>
      <c r="I38" s="7">
        <v>0</v>
      </c>
      <c r="J38" s="3">
        <v>0</v>
      </c>
      <c r="K38" s="3">
        <v>0</v>
      </c>
      <c r="L38" s="3">
        <v>0</v>
      </c>
    </row>
    <row r="39" spans="1:12" x14ac:dyDescent="0.35">
      <c r="A39" s="1" t="s">
        <v>14</v>
      </c>
      <c r="B39" s="1" t="s">
        <v>56</v>
      </c>
      <c r="C39" s="1" t="s">
        <v>39</v>
      </c>
      <c r="D39" s="1" t="s">
        <v>20</v>
      </c>
      <c r="E39" s="3">
        <v>6.1650000000000027</v>
      </c>
      <c r="F39" s="3">
        <v>6.7309999999999981</v>
      </c>
      <c r="G39" s="3">
        <v>7.4970000000000034</v>
      </c>
      <c r="H39" s="7">
        <v>0</v>
      </c>
      <c r="I39" s="7">
        <v>0</v>
      </c>
      <c r="J39" s="3">
        <v>0</v>
      </c>
      <c r="K39" s="3">
        <v>0</v>
      </c>
      <c r="L39" s="3">
        <v>0</v>
      </c>
    </row>
    <row r="40" spans="1:12" x14ac:dyDescent="0.35">
      <c r="A40" s="1" t="s">
        <v>14</v>
      </c>
      <c r="B40" s="1" t="s">
        <v>57</v>
      </c>
      <c r="C40" s="1" t="s">
        <v>39</v>
      </c>
      <c r="D40" s="1" t="s">
        <v>20</v>
      </c>
      <c r="E40" s="3">
        <v>44</v>
      </c>
      <c r="F40" s="3">
        <v>44</v>
      </c>
      <c r="G40" s="3">
        <v>44</v>
      </c>
      <c r="H40" s="7">
        <v>0</v>
      </c>
      <c r="I40" s="7">
        <v>0</v>
      </c>
      <c r="J40" s="3">
        <v>0</v>
      </c>
      <c r="K40" s="3">
        <v>0</v>
      </c>
      <c r="L40" s="3">
        <v>0</v>
      </c>
    </row>
    <row r="41" spans="1:12" x14ac:dyDescent="0.35">
      <c r="A41" s="1" t="s">
        <v>14</v>
      </c>
      <c r="B41" s="1" t="s">
        <v>58</v>
      </c>
      <c r="C41" s="1" t="s">
        <v>39</v>
      </c>
      <c r="D41" s="1" t="s">
        <v>22</v>
      </c>
      <c r="E41" s="3">
        <v>0.93091421736277624</v>
      </c>
      <c r="F41" s="3">
        <v>0.94587210573362057</v>
      </c>
      <c r="G41" s="3">
        <v>0.96047163313521366</v>
      </c>
      <c r="H41" s="7">
        <v>1</v>
      </c>
      <c r="I41" s="7">
        <v>9.15275495914884E-2</v>
      </c>
      <c r="J41" s="3">
        <v>8.520429719509312E-2</v>
      </c>
      <c r="K41" s="3">
        <v>8.657335606473951E-2</v>
      </c>
      <c r="L41" s="3">
        <v>8.7909615033001126E-2</v>
      </c>
    </row>
    <row r="42" spans="1:12" x14ac:dyDescent="0.35">
      <c r="A42" s="1" t="s">
        <v>14</v>
      </c>
      <c r="B42" s="1" t="s">
        <v>59</v>
      </c>
      <c r="C42" s="1" t="s">
        <v>39</v>
      </c>
      <c r="D42" s="1" t="s">
        <v>54</v>
      </c>
      <c r="E42" s="3">
        <v>132.37178848769554</v>
      </c>
      <c r="F42" s="3">
        <v>111.88989872296867</v>
      </c>
      <c r="G42" s="3">
        <v>86.706294359007984</v>
      </c>
      <c r="H42" s="7">
        <v>0</v>
      </c>
      <c r="I42" s="7">
        <v>0</v>
      </c>
      <c r="J42" s="3">
        <v>0</v>
      </c>
      <c r="K42" s="3">
        <v>0</v>
      </c>
      <c r="L42" s="3">
        <v>0</v>
      </c>
    </row>
    <row r="43" spans="1:12" x14ac:dyDescent="0.35">
      <c r="A43" s="1" t="s">
        <v>14</v>
      </c>
      <c r="B43" s="1" t="s">
        <v>60</v>
      </c>
      <c r="C43" s="1" t="s">
        <v>39</v>
      </c>
      <c r="D43" s="1" t="s">
        <v>20</v>
      </c>
      <c r="E43" s="3">
        <v>0.86317522682512138</v>
      </c>
      <c r="F43" s="3">
        <v>0.85211262194755655</v>
      </c>
      <c r="G43" s="3">
        <v>0.84917059213800705</v>
      </c>
      <c r="H43" s="7">
        <v>0</v>
      </c>
      <c r="I43" s="7">
        <v>0</v>
      </c>
      <c r="J43" s="3">
        <v>0</v>
      </c>
      <c r="K43" s="3">
        <v>0</v>
      </c>
      <c r="L43" s="3">
        <v>0</v>
      </c>
    </row>
    <row r="44" spans="1:12" x14ac:dyDescent="0.35">
      <c r="A44" s="1" t="s">
        <v>14</v>
      </c>
      <c r="B44" s="1" t="s">
        <v>61</v>
      </c>
      <c r="C44" s="1" t="s">
        <v>39</v>
      </c>
      <c r="D44" s="1" t="s">
        <v>22</v>
      </c>
      <c r="E44" s="3">
        <v>0.1676549891793401</v>
      </c>
      <c r="F44" s="3">
        <v>0.1676549891793401</v>
      </c>
      <c r="G44" s="3">
        <v>0.1676549891793401</v>
      </c>
      <c r="H44" s="7">
        <v>1</v>
      </c>
      <c r="I44" s="7">
        <v>9.15275495914884E-2</v>
      </c>
      <c r="J44" s="3">
        <v>1.5345050336372502E-2</v>
      </c>
      <c r="K44" s="3">
        <v>1.5345050336372502E-2</v>
      </c>
      <c r="L44" s="3">
        <v>1.5345050336372502E-2</v>
      </c>
    </row>
    <row r="45" spans="1:12" x14ac:dyDescent="0.35">
      <c r="A45" s="1" t="s">
        <v>14</v>
      </c>
      <c r="B45" s="1" t="s">
        <v>62</v>
      </c>
      <c r="C45" s="1" t="s">
        <v>39</v>
      </c>
      <c r="D45" s="1" t="s">
        <v>17</v>
      </c>
      <c r="E45" s="3">
        <v>7.8765998335722287</v>
      </c>
      <c r="F45" s="3">
        <v>8.7842432231750784</v>
      </c>
      <c r="G45" s="3">
        <v>9.5920302206040517</v>
      </c>
      <c r="H45" s="7">
        <v>1</v>
      </c>
      <c r="I45" s="7">
        <v>9.6657589058403354E-2</v>
      </c>
      <c r="J45" s="3">
        <v>0.76133314989091272</v>
      </c>
      <c r="K45" s="3">
        <v>0.84906377165472124</v>
      </c>
      <c r="L45" s="3">
        <v>0.92714251529893255</v>
      </c>
    </row>
    <row r="46" spans="1:12" x14ac:dyDescent="0.35">
      <c r="A46" s="1" t="s">
        <v>14</v>
      </c>
      <c r="B46" s="1" t="s">
        <v>63</v>
      </c>
      <c r="C46" s="1" t="s">
        <v>39</v>
      </c>
      <c r="D46" s="1" t="s">
        <v>64</v>
      </c>
      <c r="E46" s="3">
        <v>-3.6000000000000014</v>
      </c>
      <c r="F46" s="3">
        <v>-3.3000000000000007</v>
      </c>
      <c r="G46" s="3">
        <v>-2.8999999999999986</v>
      </c>
      <c r="H46" s="7">
        <v>1</v>
      </c>
      <c r="I46" s="7">
        <v>9.3522788899525935E-2</v>
      </c>
      <c r="J46" s="3">
        <v>-0.3366820400382935</v>
      </c>
      <c r="K46" s="3">
        <v>-0.30862520336843563</v>
      </c>
      <c r="L46" s="3">
        <v>-0.27121608780862511</v>
      </c>
    </row>
    <row r="47" spans="1:12" x14ac:dyDescent="0.35">
      <c r="A47" s="1" t="s">
        <v>14</v>
      </c>
      <c r="B47" s="1" t="s">
        <v>65</v>
      </c>
      <c r="C47" s="1" t="s">
        <v>66</v>
      </c>
      <c r="D47" s="1" t="s">
        <v>67</v>
      </c>
      <c r="E47" s="1" t="s">
        <v>67</v>
      </c>
      <c r="F47" s="1" t="s">
        <v>67</v>
      </c>
      <c r="G47" s="1" t="s">
        <v>67</v>
      </c>
      <c r="H47" s="7" t="s">
        <v>67</v>
      </c>
      <c r="I47" s="7" t="s">
        <v>67</v>
      </c>
      <c r="J47" s="3">
        <v>3123.5315913150675</v>
      </c>
      <c r="K47" s="3">
        <v>3830.9154943444364</v>
      </c>
      <c r="L47" s="3">
        <v>4508.9557147379901</v>
      </c>
    </row>
    <row r="48" spans="1:12" x14ac:dyDescent="0.35">
      <c r="A48" s="1" t="s">
        <v>14</v>
      </c>
      <c r="B48" s="1" t="s">
        <v>68</v>
      </c>
      <c r="C48" s="1" t="s">
        <v>39</v>
      </c>
      <c r="D48" s="1" t="s">
        <v>67</v>
      </c>
      <c r="E48" s="1" t="s">
        <v>67</v>
      </c>
      <c r="F48" s="1" t="s">
        <v>67</v>
      </c>
      <c r="G48" s="1" t="s">
        <v>67</v>
      </c>
      <c r="H48" s="7" t="s">
        <v>67</v>
      </c>
      <c r="I48" s="7" t="s">
        <v>67</v>
      </c>
      <c r="J48" s="3">
        <v>4.9864370362531307</v>
      </c>
      <c r="K48" s="3">
        <v>4.8858066351089224</v>
      </c>
      <c r="L48" s="3">
        <v>4.5234257368573711</v>
      </c>
    </row>
    <row r="49" spans="1:12" x14ac:dyDescent="0.35">
      <c r="A49" s="1" t="s">
        <v>14</v>
      </c>
      <c r="B49" s="1" t="s">
        <v>69</v>
      </c>
      <c r="C49" s="1" t="s">
        <v>70</v>
      </c>
      <c r="D49" s="1" t="s">
        <v>67</v>
      </c>
      <c r="E49" s="1" t="s">
        <v>67</v>
      </c>
      <c r="F49" s="1" t="s">
        <v>67</v>
      </c>
      <c r="G49" s="1" t="s">
        <v>67</v>
      </c>
      <c r="H49" s="7" t="s">
        <v>67</v>
      </c>
      <c r="I49" s="7" t="s">
        <v>67</v>
      </c>
      <c r="J49" s="3">
        <v>3128.5180283513205</v>
      </c>
      <c r="K49" s="3">
        <v>3835.8013009795454</v>
      </c>
      <c r="L49" s="3">
        <v>4513.4791404748476</v>
      </c>
    </row>
    <row r="50" spans="1:12" x14ac:dyDescent="0.35">
      <c r="A50" s="1" t="s">
        <v>71</v>
      </c>
      <c r="B50" s="1" t="s">
        <v>15</v>
      </c>
      <c r="C50" s="1" t="s">
        <v>16</v>
      </c>
      <c r="D50" s="1" t="s">
        <v>17</v>
      </c>
      <c r="E50" s="3">
        <v>1256.5</v>
      </c>
      <c r="F50" s="3">
        <v>1096.5</v>
      </c>
      <c r="G50" s="3">
        <v>1844.5</v>
      </c>
      <c r="H50" s="7">
        <v>0.99498809648699538</v>
      </c>
      <c r="I50" s="7">
        <v>9.6657589058403354E-2</v>
      </c>
      <c r="J50" s="3">
        <v>120.8415636638673</v>
      </c>
      <c r="K50" s="3">
        <v>105.45385957614843</v>
      </c>
      <c r="L50" s="3">
        <v>177.3913761862342</v>
      </c>
    </row>
    <row r="51" spans="1:12" x14ac:dyDescent="0.35">
      <c r="A51" s="1" t="s">
        <v>71</v>
      </c>
      <c r="B51" s="1" t="s">
        <v>18</v>
      </c>
      <c r="C51" s="1" t="s">
        <v>16</v>
      </c>
      <c r="D51" s="1" t="s">
        <v>17</v>
      </c>
      <c r="E51" s="3">
        <v>783.10000000000036</v>
      </c>
      <c r="F51" s="3">
        <v>1480.1000000000004</v>
      </c>
      <c r="G51" s="3">
        <v>533.10000000000036</v>
      </c>
      <c r="H51" s="7">
        <v>1</v>
      </c>
      <c r="I51" s="7">
        <v>9.6657589058403354E-2</v>
      </c>
      <c r="J51" s="3">
        <v>75.692557991635695</v>
      </c>
      <c r="K51" s="3">
        <v>143.06289756534284</v>
      </c>
      <c r="L51" s="3">
        <v>51.528160727034866</v>
      </c>
    </row>
    <row r="52" spans="1:12" x14ac:dyDescent="0.35">
      <c r="A52" s="1" t="s">
        <v>71</v>
      </c>
      <c r="B52" s="1" t="s">
        <v>19</v>
      </c>
      <c r="C52" s="1" t="s">
        <v>16</v>
      </c>
      <c r="D52" s="1" t="s">
        <v>20</v>
      </c>
      <c r="E52" s="3">
        <v>1162.7000000000007</v>
      </c>
      <c r="F52" s="3">
        <v>1395.7000000000007</v>
      </c>
      <c r="G52" s="3">
        <v>1764.7000000000007</v>
      </c>
      <c r="H52" s="7">
        <v>0</v>
      </c>
      <c r="I52" s="7">
        <v>0</v>
      </c>
      <c r="J52" s="3">
        <v>0</v>
      </c>
      <c r="K52" s="3">
        <v>0</v>
      </c>
      <c r="L52" s="3">
        <v>0</v>
      </c>
    </row>
    <row r="53" spans="1:12" x14ac:dyDescent="0.35">
      <c r="A53" s="1" t="s">
        <v>71</v>
      </c>
      <c r="B53" s="1" t="s">
        <v>21</v>
      </c>
      <c r="C53" s="1" t="s">
        <v>16</v>
      </c>
      <c r="D53" s="1" t="s">
        <v>22</v>
      </c>
      <c r="E53" s="3">
        <v>121.54205105394374</v>
      </c>
      <c r="F53" s="3">
        <v>68.44764999999984</v>
      </c>
      <c r="G53" s="3">
        <v>-128.66882190634396</v>
      </c>
      <c r="H53" s="7">
        <v>0.74054708068499342</v>
      </c>
      <c r="I53" s="7">
        <v>9.15275495914884E-2</v>
      </c>
      <c r="J53" s="3">
        <v>8.2381760875108316</v>
      </c>
      <c r="K53" s="3">
        <v>4.6394131791147926</v>
      </c>
      <c r="L53" s="3">
        <v>-8.721231891722617</v>
      </c>
    </row>
    <row r="54" spans="1:12" x14ac:dyDescent="0.35">
      <c r="A54" s="1" t="s">
        <v>71</v>
      </c>
      <c r="B54" s="1" t="s">
        <v>23</v>
      </c>
      <c r="C54" s="1" t="s">
        <v>16</v>
      </c>
      <c r="D54" s="1" t="s">
        <v>22</v>
      </c>
      <c r="E54" s="3">
        <v>272.5</v>
      </c>
      <c r="F54" s="3">
        <v>842</v>
      </c>
      <c r="G54" s="3">
        <v>35.799999999999955</v>
      </c>
      <c r="H54" s="7">
        <v>1</v>
      </c>
      <c r="I54" s="7">
        <v>9.15275495914884E-2</v>
      </c>
      <c r="J54" s="3">
        <v>24.94125726368059</v>
      </c>
      <c r="K54" s="3">
        <v>77.066196756033236</v>
      </c>
      <c r="L54" s="3">
        <v>3.2766862753752806</v>
      </c>
    </row>
    <row r="55" spans="1:12" x14ac:dyDescent="0.35">
      <c r="A55" s="1" t="s">
        <v>71</v>
      </c>
      <c r="B55" s="1" t="s">
        <v>30</v>
      </c>
      <c r="C55" s="1" t="s">
        <v>16</v>
      </c>
      <c r="D55" s="1" t="s">
        <v>17</v>
      </c>
      <c r="E55" s="3">
        <v>354.10000000000036</v>
      </c>
      <c r="F55" s="3">
        <v>1136.8999999999996</v>
      </c>
      <c r="G55" s="3">
        <v>1176.1599999999999</v>
      </c>
      <c r="H55" s="7">
        <v>1</v>
      </c>
      <c r="I55" s="7">
        <v>9.6657589058403354E-2</v>
      </c>
      <c r="J55" s="3">
        <v>34.226452285580663</v>
      </c>
      <c r="K55" s="3">
        <v>109.89001300049874</v>
      </c>
      <c r="L55" s="3">
        <v>113.68478994693167</v>
      </c>
    </row>
    <row r="56" spans="1:12" x14ac:dyDescent="0.35">
      <c r="A56" s="1" t="s">
        <v>71</v>
      </c>
      <c r="B56" s="1" t="s">
        <v>25</v>
      </c>
      <c r="C56" s="1" t="s">
        <v>16</v>
      </c>
      <c r="D56" s="1" t="s">
        <v>22</v>
      </c>
      <c r="E56" s="3">
        <v>288.8</v>
      </c>
      <c r="F56" s="3">
        <v>194.8</v>
      </c>
      <c r="G56" s="3">
        <v>162.80000000000001</v>
      </c>
      <c r="H56" s="7">
        <v>0.20051862666181633</v>
      </c>
      <c r="I56" s="7">
        <v>9.15275495914884E-2</v>
      </c>
      <c r="J56" s="3">
        <v>5.30034020402893</v>
      </c>
      <c r="K56" s="3">
        <v>3.5751602207231148</v>
      </c>
      <c r="L56" s="3">
        <v>2.9878649072573054</v>
      </c>
    </row>
    <row r="57" spans="1:12" x14ac:dyDescent="0.35">
      <c r="A57" s="1" t="s">
        <v>71</v>
      </c>
      <c r="B57" s="1" t="s">
        <v>26</v>
      </c>
      <c r="C57" s="1" t="s">
        <v>16</v>
      </c>
      <c r="D57" s="1" t="s">
        <v>17</v>
      </c>
      <c r="E57" s="3">
        <v>75</v>
      </c>
      <c r="F57" s="3">
        <v>-5.1299999999999955</v>
      </c>
      <c r="G57" s="3">
        <v>-115</v>
      </c>
      <c r="H57" s="7">
        <v>4.0026938567631308E-2</v>
      </c>
      <c r="I57" s="7">
        <v>9.6657589058403354E-2</v>
      </c>
      <c r="J57" s="3">
        <v>0.29016805345020474</v>
      </c>
      <c r="K57" s="3">
        <v>-1.9847494855993988E-2</v>
      </c>
      <c r="L57" s="3">
        <v>-0.44492434862364727</v>
      </c>
    </row>
    <row r="58" spans="1:12" x14ac:dyDescent="0.35">
      <c r="A58" s="1" t="s">
        <v>71</v>
      </c>
      <c r="B58" s="1" t="s">
        <v>27</v>
      </c>
      <c r="C58" s="1" t="s">
        <v>16</v>
      </c>
      <c r="D58" s="1" t="s">
        <v>17</v>
      </c>
      <c r="E58" s="3">
        <v>1365</v>
      </c>
      <c r="F58" s="3">
        <v>1715</v>
      </c>
      <c r="G58" s="3">
        <v>2377</v>
      </c>
      <c r="H58" s="7">
        <v>0.91710000000000003</v>
      </c>
      <c r="I58" s="7">
        <v>9.6657589058403354E-2</v>
      </c>
      <c r="J58" s="3">
        <v>120.99998127325524</v>
      </c>
      <c r="K58" s="3">
        <v>152.02561749716685</v>
      </c>
      <c r="L58" s="3">
        <v>210.70839229782248</v>
      </c>
    </row>
    <row r="59" spans="1:12" x14ac:dyDescent="0.35">
      <c r="A59" s="1" t="s">
        <v>71</v>
      </c>
      <c r="B59" s="1" t="s">
        <v>28</v>
      </c>
      <c r="C59" s="1" t="s">
        <v>16</v>
      </c>
      <c r="D59" s="1" t="s">
        <v>22</v>
      </c>
      <c r="E59" s="3"/>
      <c r="F59" s="3"/>
      <c r="G59" s="3">
        <v>-83</v>
      </c>
      <c r="H59" s="7">
        <v>1</v>
      </c>
      <c r="I59" s="7">
        <v>9.15275495914884E-2</v>
      </c>
      <c r="J59" s="3"/>
      <c r="K59" s="3"/>
      <c r="L59" s="3"/>
    </row>
    <row r="60" spans="1:12" x14ac:dyDescent="0.35">
      <c r="A60" s="1" t="s">
        <v>71</v>
      </c>
      <c r="B60" s="1" t="s">
        <v>29</v>
      </c>
      <c r="C60" s="1" t="s">
        <v>16</v>
      </c>
      <c r="D60" s="1" t="s">
        <v>17</v>
      </c>
      <c r="E60" s="3">
        <v>448.02000000000044</v>
      </c>
      <c r="F60" s="3">
        <v>4633.5599999999977</v>
      </c>
      <c r="G60" s="3">
        <v>4392.7100000000028</v>
      </c>
      <c r="H60" s="7">
        <v>6.7459015008865864E-2</v>
      </c>
      <c r="I60" s="7">
        <v>9.6657589058403354E-2</v>
      </c>
      <c r="J60" s="3">
        <v>2.921281144968229</v>
      </c>
      <c r="K60" s="3">
        <v>30.212783942857392</v>
      </c>
      <c r="L60" s="3">
        <v>28.642339400726271</v>
      </c>
    </row>
    <row r="61" spans="1:12" x14ac:dyDescent="0.35">
      <c r="A61" s="1" t="s">
        <v>71</v>
      </c>
      <c r="B61" s="1" t="s">
        <v>31</v>
      </c>
      <c r="C61" s="1" t="s">
        <v>16</v>
      </c>
      <c r="D61" s="1" t="s">
        <v>17</v>
      </c>
      <c r="E61" s="3">
        <v>289.73599999999965</v>
      </c>
      <c r="F61" s="3">
        <v>678.15800000000036</v>
      </c>
      <c r="G61" s="3">
        <v>416.14200000000028</v>
      </c>
      <c r="H61" s="7">
        <v>0.96927288945833734</v>
      </c>
      <c r="I61" s="7">
        <v>9.6657589058403354E-2</v>
      </c>
      <c r="J61" s="3">
        <v>27.144664862779809</v>
      </c>
      <c r="K61" s="3">
        <v>63.534982308077225</v>
      </c>
      <c r="L61" s="3">
        <v>38.987337180491679</v>
      </c>
    </row>
    <row r="62" spans="1:12" x14ac:dyDescent="0.35">
      <c r="A62" s="1" t="s">
        <v>71</v>
      </c>
      <c r="B62" s="1" t="s">
        <v>32</v>
      </c>
      <c r="C62" s="1" t="s">
        <v>16</v>
      </c>
      <c r="D62" s="1" t="s">
        <v>17</v>
      </c>
      <c r="E62" s="3">
        <v>-64.795999999999935</v>
      </c>
      <c r="F62" s="3">
        <v>230.80599999999981</v>
      </c>
      <c r="G62" s="3">
        <v>296.09900000000016</v>
      </c>
      <c r="H62" s="7">
        <v>0.68027054884628102</v>
      </c>
      <c r="I62" s="7">
        <v>9.6657589058403354E-2</v>
      </c>
      <c r="J62" s="3">
        <v>-4.2605515498532682</v>
      </c>
      <c r="K62" s="3">
        <v>15.176258735345293</v>
      </c>
      <c r="L62" s="3">
        <v>19.469489680844571</v>
      </c>
    </row>
    <row r="63" spans="1:12" x14ac:dyDescent="0.35">
      <c r="A63" s="1" t="s">
        <v>71</v>
      </c>
      <c r="B63" s="1" t="s">
        <v>33</v>
      </c>
      <c r="C63" s="1" t="s">
        <v>16</v>
      </c>
      <c r="D63" s="1" t="s">
        <v>20</v>
      </c>
      <c r="E63" s="3">
        <v>131.39999999999998</v>
      </c>
      <c r="F63" s="3">
        <v>301.10000000000014</v>
      </c>
      <c r="G63" s="3">
        <v>335.5</v>
      </c>
      <c r="H63" s="7">
        <v>0</v>
      </c>
      <c r="I63" s="7">
        <v>0</v>
      </c>
      <c r="J63" s="3">
        <v>0</v>
      </c>
      <c r="K63" s="3">
        <v>0</v>
      </c>
      <c r="L63" s="3">
        <v>0</v>
      </c>
    </row>
    <row r="64" spans="1:12" x14ac:dyDescent="0.35">
      <c r="A64" s="1" t="s">
        <v>71</v>
      </c>
      <c r="B64" s="1" t="s">
        <v>34</v>
      </c>
      <c r="C64" s="1" t="s">
        <v>16</v>
      </c>
      <c r="D64" s="1" t="s">
        <v>20</v>
      </c>
      <c r="E64" s="3">
        <v>-0.70000000000000018</v>
      </c>
      <c r="F64" s="3">
        <v>-0.70000000000000018</v>
      </c>
      <c r="G64" s="3">
        <v>-2.7</v>
      </c>
      <c r="H64" s="7">
        <v>6.9791706651498603E-6</v>
      </c>
      <c r="I64" s="7">
        <v>0</v>
      </c>
      <c r="J64" s="3">
        <v>0</v>
      </c>
      <c r="K64" s="3">
        <v>0</v>
      </c>
      <c r="L64" s="3">
        <v>0</v>
      </c>
    </row>
    <row r="65" spans="1:12" x14ac:dyDescent="0.35">
      <c r="A65" s="1" t="s">
        <v>71</v>
      </c>
      <c r="B65" s="1" t="s">
        <v>35</v>
      </c>
      <c r="C65" s="1" t="s">
        <v>16</v>
      </c>
      <c r="D65" s="1" t="s">
        <v>20</v>
      </c>
      <c r="E65" s="3">
        <v>-57.100000000000023</v>
      </c>
      <c r="F65" s="3">
        <v>-17.100000000000023</v>
      </c>
      <c r="G65" s="3">
        <v>5.8999999999999773</v>
      </c>
      <c r="H65" s="7">
        <v>0</v>
      </c>
      <c r="I65" s="7">
        <v>0</v>
      </c>
      <c r="J65" s="3">
        <v>0</v>
      </c>
      <c r="K65" s="3">
        <v>0</v>
      </c>
      <c r="L65" s="3">
        <v>0</v>
      </c>
    </row>
    <row r="66" spans="1:12" x14ac:dyDescent="0.35">
      <c r="A66" s="1" t="s">
        <v>71</v>
      </c>
      <c r="B66" s="1" t="s">
        <v>36</v>
      </c>
      <c r="C66" s="1" t="s">
        <v>16</v>
      </c>
      <c r="D66" s="1" t="s">
        <v>22</v>
      </c>
      <c r="E66" s="3">
        <v>-0.29999999999999893</v>
      </c>
      <c r="F66" s="3">
        <v>-0.5</v>
      </c>
      <c r="G66" s="3">
        <v>-1</v>
      </c>
      <c r="H66" s="7">
        <v>0.98255219999999999</v>
      </c>
      <c r="I66" s="7">
        <v>9.15275495914884E-2</v>
      </c>
      <c r="J66" s="3">
        <v>-2.6979178563517711E-2</v>
      </c>
      <c r="K66" s="3">
        <v>-4.4965297605863014E-2</v>
      </c>
      <c r="L66" s="3">
        <v>-8.9930595211726028E-2</v>
      </c>
    </row>
    <row r="67" spans="1:12" x14ac:dyDescent="0.35">
      <c r="A67" s="1" t="s">
        <v>71</v>
      </c>
      <c r="B67" s="1" t="s">
        <v>65</v>
      </c>
      <c r="C67" s="1" t="s">
        <v>16</v>
      </c>
      <c r="D67" s="1" t="s">
        <v>67</v>
      </c>
      <c r="E67" s="1" t="s">
        <v>67</v>
      </c>
      <c r="F67" s="1" t="s">
        <v>67</v>
      </c>
      <c r="G67" s="1" t="s">
        <v>67</v>
      </c>
      <c r="H67" s="7" t="s">
        <v>67</v>
      </c>
      <c r="I67" s="7" t="s">
        <v>67</v>
      </c>
      <c r="J67" s="3">
        <v>416.30891210234068</v>
      </c>
      <c r="K67" s="3">
        <v>704.57236998884616</v>
      </c>
      <c r="L67" s="3">
        <v>637.42034976716036</v>
      </c>
    </row>
    <row r="68" spans="1:12" x14ac:dyDescent="0.35">
      <c r="A68" s="1" t="s">
        <v>71</v>
      </c>
      <c r="B68" s="1" t="s">
        <v>38</v>
      </c>
      <c r="C68" s="1" t="s">
        <v>39</v>
      </c>
      <c r="D68" s="1" t="s">
        <v>22</v>
      </c>
      <c r="E68" s="3">
        <v>0.5</v>
      </c>
      <c r="F68" s="3">
        <v>0.79999999999999982</v>
      </c>
      <c r="G68" s="3">
        <v>0.89999999999999991</v>
      </c>
      <c r="H68" s="7">
        <v>1</v>
      </c>
      <c r="I68" s="7">
        <v>9.15275495914884E-2</v>
      </c>
      <c r="J68" s="3">
        <v>4.57637747957442E-2</v>
      </c>
      <c r="K68" s="3">
        <v>7.32220396731907E-2</v>
      </c>
      <c r="L68" s="3">
        <v>8.2374794632339557E-2</v>
      </c>
    </row>
    <row r="69" spans="1:12" x14ac:dyDescent="0.35">
      <c r="A69" s="1" t="s">
        <v>71</v>
      </c>
      <c r="B69" s="1" t="s">
        <v>40</v>
      </c>
      <c r="C69" s="1" t="s">
        <v>39</v>
      </c>
      <c r="D69" s="1" t="s">
        <v>20</v>
      </c>
      <c r="E69" s="3">
        <v>4.0599999999999996</v>
      </c>
      <c r="F69" s="3">
        <v>-0.69000000000000039</v>
      </c>
      <c r="G69" s="3">
        <v>-0.33000000000000007</v>
      </c>
      <c r="H69" s="7">
        <v>0</v>
      </c>
      <c r="I69" s="7">
        <v>0</v>
      </c>
      <c r="J69" s="3">
        <v>0</v>
      </c>
      <c r="K69" s="3">
        <v>0</v>
      </c>
      <c r="L69" s="3">
        <v>0</v>
      </c>
    </row>
    <row r="70" spans="1:12" x14ac:dyDescent="0.35">
      <c r="A70" s="1" t="s">
        <v>71</v>
      </c>
      <c r="B70" s="1" t="s">
        <v>41</v>
      </c>
      <c r="C70" s="1" t="s">
        <v>39</v>
      </c>
      <c r="D70" s="1" t="s">
        <v>20</v>
      </c>
      <c r="E70" s="3">
        <v>2.1</v>
      </c>
      <c r="F70" s="3">
        <v>0.39999999999999991</v>
      </c>
      <c r="G70" s="3">
        <v>-0.30000000000000004</v>
      </c>
      <c r="H70" s="7">
        <v>0</v>
      </c>
      <c r="I70" s="7">
        <v>0</v>
      </c>
      <c r="J70" s="3">
        <v>0</v>
      </c>
      <c r="K70" s="3">
        <v>0</v>
      </c>
      <c r="L70" s="3">
        <v>0</v>
      </c>
    </row>
    <row r="71" spans="1:12" x14ac:dyDescent="0.35">
      <c r="A71" s="1" t="s">
        <v>71</v>
      </c>
      <c r="B71" s="1" t="s">
        <v>42</v>
      </c>
      <c r="C71" s="1" t="s">
        <v>39</v>
      </c>
      <c r="D71" s="1" t="s">
        <v>17</v>
      </c>
      <c r="E71" s="3">
        <v>1</v>
      </c>
      <c r="F71" s="3">
        <v>1.8000000000000007</v>
      </c>
      <c r="G71" s="3">
        <v>1</v>
      </c>
      <c r="H71" s="7">
        <v>1</v>
      </c>
      <c r="I71" s="7">
        <v>9.6657589058403354E-2</v>
      </c>
      <c r="J71" s="3">
        <v>9.6657589058403354E-2</v>
      </c>
      <c r="K71" s="3">
        <v>0.1739836603051261</v>
      </c>
      <c r="L71" s="3">
        <v>9.6657589058403354E-2</v>
      </c>
    </row>
    <row r="72" spans="1:12" x14ac:dyDescent="0.35">
      <c r="A72" s="1" t="s">
        <v>71</v>
      </c>
      <c r="B72" s="1" t="s">
        <v>43</v>
      </c>
      <c r="C72" s="1" t="s">
        <v>39</v>
      </c>
      <c r="D72" s="1" t="s">
        <v>20</v>
      </c>
      <c r="E72" s="3">
        <v>0.14999999999999997</v>
      </c>
      <c r="F72" s="3">
        <v>4.9999999999999989E-2</v>
      </c>
      <c r="G72" s="3">
        <v>0</v>
      </c>
      <c r="H72" s="7">
        <v>0</v>
      </c>
      <c r="I72" s="7">
        <v>0</v>
      </c>
      <c r="J72" s="3">
        <v>0</v>
      </c>
      <c r="K72" s="3">
        <v>0</v>
      </c>
      <c r="L72" s="3">
        <v>0</v>
      </c>
    </row>
    <row r="73" spans="1:12" x14ac:dyDescent="0.35">
      <c r="A73" s="1" t="s">
        <v>71</v>
      </c>
      <c r="B73" s="1" t="s">
        <v>44</v>
      </c>
      <c r="C73" s="1" t="s">
        <v>39</v>
      </c>
      <c r="D73" s="1" t="s">
        <v>22</v>
      </c>
      <c r="E73" s="3">
        <v>4.2999999999999972</v>
      </c>
      <c r="F73" s="3">
        <v>2.2999999999999972</v>
      </c>
      <c r="G73" s="3">
        <v>1.2999999999999972</v>
      </c>
      <c r="H73" s="7">
        <v>1</v>
      </c>
      <c r="I73" s="7">
        <v>9.15275495914884E-2</v>
      </c>
      <c r="J73" s="3">
        <v>0.39356846324339984</v>
      </c>
      <c r="K73" s="3">
        <v>0.21051336406042306</v>
      </c>
      <c r="L73" s="3">
        <v>0.11898581446893466</v>
      </c>
    </row>
    <row r="74" spans="1:12" x14ac:dyDescent="0.35">
      <c r="A74" s="1" t="s">
        <v>71</v>
      </c>
      <c r="B74" s="1" t="s">
        <v>45</v>
      </c>
      <c r="C74" s="1" t="s">
        <v>39</v>
      </c>
      <c r="D74" s="1" t="s">
        <v>20</v>
      </c>
      <c r="E74" s="3">
        <v>-11.450000000000017</v>
      </c>
      <c r="F74" s="3">
        <v>-33.450000000000017</v>
      </c>
      <c r="G74" s="3">
        <v>17.249999999999972</v>
      </c>
      <c r="H74" s="7">
        <v>0</v>
      </c>
      <c r="I74" s="7">
        <v>0</v>
      </c>
      <c r="J74" s="3">
        <v>0</v>
      </c>
      <c r="K74" s="3">
        <v>0</v>
      </c>
      <c r="L74" s="3">
        <v>0</v>
      </c>
    </row>
    <row r="75" spans="1:12" x14ac:dyDescent="0.35">
      <c r="A75" s="1" t="s">
        <v>71</v>
      </c>
      <c r="B75" s="1" t="s">
        <v>46</v>
      </c>
      <c r="C75" s="1" t="s">
        <v>39</v>
      </c>
      <c r="D75" s="1" t="s">
        <v>20</v>
      </c>
      <c r="E75" s="3">
        <v>0</v>
      </c>
      <c r="F75" s="3">
        <v>0</v>
      </c>
      <c r="G75" s="3">
        <v>0</v>
      </c>
      <c r="H75" s="7">
        <v>0</v>
      </c>
      <c r="I75" s="7">
        <v>0</v>
      </c>
      <c r="J75" s="3">
        <v>0</v>
      </c>
      <c r="K75" s="3">
        <v>0</v>
      </c>
      <c r="L75" s="3">
        <v>0</v>
      </c>
    </row>
    <row r="76" spans="1:12" x14ac:dyDescent="0.35">
      <c r="A76" s="1" t="s">
        <v>71</v>
      </c>
      <c r="B76" s="1" t="s">
        <v>47</v>
      </c>
      <c r="C76" s="1" t="s">
        <v>39</v>
      </c>
      <c r="D76" s="1" t="s">
        <v>20</v>
      </c>
      <c r="E76" s="3">
        <v>5.5</v>
      </c>
      <c r="F76" s="3">
        <v>-16.899999999999991</v>
      </c>
      <c r="G76" s="3">
        <v>-14.399999999999991</v>
      </c>
      <c r="H76" s="7">
        <v>0</v>
      </c>
      <c r="I76" s="7">
        <v>0</v>
      </c>
      <c r="J76" s="3">
        <v>0</v>
      </c>
      <c r="K76" s="3">
        <v>0</v>
      </c>
      <c r="L76" s="3">
        <v>0</v>
      </c>
    </row>
    <row r="77" spans="1:12" x14ac:dyDescent="0.35">
      <c r="A77" s="1" t="s">
        <v>71</v>
      </c>
      <c r="B77" s="1" t="s">
        <v>48</v>
      </c>
      <c r="C77" s="1" t="s">
        <v>39</v>
      </c>
      <c r="D77" s="1" t="s">
        <v>20</v>
      </c>
      <c r="E77" s="3">
        <v>-1.4</v>
      </c>
      <c r="F77" s="3">
        <v>-1.4</v>
      </c>
      <c r="G77" s="3">
        <v>-1.4</v>
      </c>
      <c r="H77" s="7">
        <v>0</v>
      </c>
      <c r="I77" s="7">
        <v>0</v>
      </c>
      <c r="J77" s="3">
        <v>0</v>
      </c>
      <c r="K77" s="3">
        <v>0</v>
      </c>
      <c r="L77" s="3">
        <v>0</v>
      </c>
    </row>
    <row r="78" spans="1:12" x14ac:dyDescent="0.35">
      <c r="A78" s="1" t="s">
        <v>71</v>
      </c>
      <c r="B78" s="1" t="s">
        <v>49</v>
      </c>
      <c r="C78" s="1" t="s">
        <v>39</v>
      </c>
      <c r="D78" s="1" t="s">
        <v>17</v>
      </c>
      <c r="E78" s="3">
        <v>0</v>
      </c>
      <c r="F78" s="3">
        <v>0</v>
      </c>
      <c r="G78" s="3">
        <v>0</v>
      </c>
      <c r="H78" s="7">
        <v>1</v>
      </c>
      <c r="I78" s="7">
        <v>9.6657589058403354E-2</v>
      </c>
      <c r="J78" s="3">
        <v>0</v>
      </c>
      <c r="K78" s="3">
        <v>0</v>
      </c>
      <c r="L78" s="3">
        <v>0</v>
      </c>
    </row>
    <row r="79" spans="1:12" x14ac:dyDescent="0.35">
      <c r="A79" s="1" t="s">
        <v>71</v>
      </c>
      <c r="B79" s="1" t="s">
        <v>50</v>
      </c>
      <c r="C79" s="1" t="s">
        <v>39</v>
      </c>
      <c r="D79" s="1" t="s">
        <v>20</v>
      </c>
      <c r="E79" s="3">
        <v>0.70000000000000018</v>
      </c>
      <c r="F79" s="3">
        <v>0.80000000000000027</v>
      </c>
      <c r="G79" s="3">
        <v>-0.39999999999999991</v>
      </c>
      <c r="H79" s="7">
        <v>0</v>
      </c>
      <c r="I79" s="7">
        <v>0</v>
      </c>
      <c r="J79" s="3">
        <v>0</v>
      </c>
      <c r="K79" s="3">
        <v>0</v>
      </c>
      <c r="L79" s="3">
        <v>0</v>
      </c>
    </row>
    <row r="80" spans="1:12" x14ac:dyDescent="0.35">
      <c r="A80" s="1" t="s">
        <v>71</v>
      </c>
      <c r="B80" s="1" t="s">
        <v>51</v>
      </c>
      <c r="C80" s="1" t="s">
        <v>39</v>
      </c>
      <c r="D80" s="1" t="s">
        <v>20</v>
      </c>
      <c r="E80" s="3">
        <v>4.3</v>
      </c>
      <c r="F80" s="3">
        <v>8.8000000000000007</v>
      </c>
      <c r="G80" s="3">
        <v>9.9</v>
      </c>
      <c r="H80" s="7">
        <v>0</v>
      </c>
      <c r="I80" s="7">
        <v>0</v>
      </c>
      <c r="J80" s="3">
        <v>0</v>
      </c>
      <c r="K80" s="3">
        <v>0</v>
      </c>
      <c r="L80" s="3">
        <v>0</v>
      </c>
    </row>
    <row r="81" spans="1:12" x14ac:dyDescent="0.35">
      <c r="A81" s="1" t="s">
        <v>71</v>
      </c>
      <c r="B81" s="1" t="s">
        <v>52</v>
      </c>
      <c r="C81" s="1" t="s">
        <v>39</v>
      </c>
      <c r="D81" s="1" t="s">
        <v>17</v>
      </c>
      <c r="E81" s="3">
        <v>0</v>
      </c>
      <c r="F81" s="3">
        <v>0</v>
      </c>
      <c r="G81" s="3">
        <v>0</v>
      </c>
      <c r="H81" s="7">
        <v>1</v>
      </c>
      <c r="I81" s="7">
        <v>9.6657589058403354E-2</v>
      </c>
      <c r="J81" s="3">
        <v>0</v>
      </c>
      <c r="K81" s="3">
        <v>0</v>
      </c>
      <c r="L81" s="3">
        <v>0</v>
      </c>
    </row>
    <row r="82" spans="1:12" x14ac:dyDescent="0.35">
      <c r="A82" s="1" t="s">
        <v>71</v>
      </c>
      <c r="B82" s="1" t="s">
        <v>53</v>
      </c>
      <c r="C82" s="1" t="s">
        <v>39</v>
      </c>
      <c r="D82" s="1" t="s">
        <v>54</v>
      </c>
      <c r="E82" s="3">
        <v>0.19999999999999996</v>
      </c>
      <c r="F82" s="3">
        <v>0.19999999999999996</v>
      </c>
      <c r="G82" s="3">
        <v>1.7</v>
      </c>
      <c r="H82" s="7">
        <v>0</v>
      </c>
      <c r="I82" s="7">
        <v>0</v>
      </c>
      <c r="J82" s="3">
        <v>0</v>
      </c>
      <c r="K82" s="3">
        <v>0</v>
      </c>
      <c r="L82" s="3">
        <v>0</v>
      </c>
    </row>
    <row r="83" spans="1:12" x14ac:dyDescent="0.35">
      <c r="A83" s="1" t="s">
        <v>71</v>
      </c>
      <c r="B83" s="1" t="s">
        <v>55</v>
      </c>
      <c r="C83" s="1" t="s">
        <v>39</v>
      </c>
      <c r="D83" s="1" t="s">
        <v>54</v>
      </c>
      <c r="E83" s="3">
        <v>0</v>
      </c>
      <c r="F83" s="3">
        <v>0</v>
      </c>
      <c r="G83" s="3">
        <v>0</v>
      </c>
      <c r="H83" s="7">
        <v>0</v>
      </c>
      <c r="I83" s="7">
        <v>0</v>
      </c>
      <c r="J83" s="3">
        <v>0</v>
      </c>
      <c r="K83" s="3">
        <v>0</v>
      </c>
      <c r="L83" s="3">
        <v>0</v>
      </c>
    </row>
    <row r="84" spans="1:12" x14ac:dyDescent="0.35">
      <c r="A84" s="1" t="s">
        <v>71</v>
      </c>
      <c r="B84" s="1" t="s">
        <v>56</v>
      </c>
      <c r="C84" s="1" t="s">
        <v>39</v>
      </c>
      <c r="D84" s="1" t="s">
        <v>20</v>
      </c>
      <c r="E84" s="3">
        <v>9.6479999999999997</v>
      </c>
      <c r="F84" s="3">
        <v>9.6479999999999997</v>
      </c>
      <c r="G84" s="3">
        <v>9.6479999999999997</v>
      </c>
      <c r="H84" s="7">
        <v>0</v>
      </c>
      <c r="I84" s="7">
        <v>0</v>
      </c>
      <c r="J84" s="3">
        <v>0</v>
      </c>
      <c r="K84" s="3">
        <v>0</v>
      </c>
      <c r="L84" s="3">
        <v>0</v>
      </c>
    </row>
    <row r="85" spans="1:12" x14ac:dyDescent="0.35">
      <c r="A85" s="1" t="s">
        <v>71</v>
      </c>
      <c r="B85" s="1" t="s">
        <v>57</v>
      </c>
      <c r="C85" s="1" t="s">
        <v>39</v>
      </c>
      <c r="D85" s="1" t="s">
        <v>20</v>
      </c>
      <c r="E85" s="3">
        <v>-44</v>
      </c>
      <c r="F85" s="3">
        <v>1</v>
      </c>
      <c r="G85" s="3">
        <v>101</v>
      </c>
      <c r="H85" s="7">
        <v>0</v>
      </c>
      <c r="I85" s="7">
        <v>0</v>
      </c>
      <c r="J85" s="3">
        <v>0</v>
      </c>
      <c r="K85" s="3">
        <v>0</v>
      </c>
      <c r="L85" s="3">
        <v>0</v>
      </c>
    </row>
    <row r="86" spans="1:12" x14ac:dyDescent="0.35">
      <c r="A86" s="1" t="s">
        <v>71</v>
      </c>
      <c r="B86" s="1" t="s">
        <v>58</v>
      </c>
      <c r="C86" s="1" t="s">
        <v>39</v>
      </c>
      <c r="D86" s="1" t="s">
        <v>22</v>
      </c>
      <c r="E86" s="3">
        <v>0.60000000000000053</v>
      </c>
      <c r="F86" s="3">
        <v>-0.29999999999999982</v>
      </c>
      <c r="G86" s="3">
        <v>2.3000000000000007</v>
      </c>
      <c r="H86" s="7">
        <v>1</v>
      </c>
      <c r="I86" s="7">
        <v>9.15275495914884E-2</v>
      </c>
      <c r="J86" s="3">
        <v>5.4916529754893091E-2</v>
      </c>
      <c r="K86" s="3">
        <v>-2.7458264877446504E-2</v>
      </c>
      <c r="L86" s="3">
        <v>0.2105133640604234</v>
      </c>
    </row>
    <row r="87" spans="1:12" x14ac:dyDescent="0.35">
      <c r="A87" s="1" t="s">
        <v>71</v>
      </c>
      <c r="B87" s="1" t="s">
        <v>59</v>
      </c>
      <c r="C87" s="1" t="s">
        <v>39</v>
      </c>
      <c r="D87" s="1" t="s">
        <v>54</v>
      </c>
      <c r="E87" s="3">
        <v>10.792000000000002</v>
      </c>
      <c r="F87" s="3">
        <v>7.5809999999999995</v>
      </c>
      <c r="G87" s="3">
        <v>1.5199999999999996</v>
      </c>
      <c r="H87" s="7">
        <v>0</v>
      </c>
      <c r="I87" s="7">
        <v>0</v>
      </c>
      <c r="J87" s="3">
        <v>0</v>
      </c>
      <c r="K87" s="3">
        <v>0</v>
      </c>
      <c r="L87" s="3">
        <v>0</v>
      </c>
    </row>
    <row r="88" spans="1:12" x14ac:dyDescent="0.35">
      <c r="A88" s="1" t="s">
        <v>71</v>
      </c>
      <c r="B88" s="1" t="s">
        <v>60</v>
      </c>
      <c r="C88" s="1" t="s">
        <v>39</v>
      </c>
      <c r="D88" s="1" t="s">
        <v>20</v>
      </c>
      <c r="E88" s="3">
        <v>0.20399999999999996</v>
      </c>
      <c r="F88" s="3">
        <v>2.754</v>
      </c>
      <c r="G88" s="3">
        <v>2.4540000000000002</v>
      </c>
      <c r="H88" s="7">
        <v>0</v>
      </c>
      <c r="I88" s="7">
        <v>0</v>
      </c>
      <c r="J88" s="3">
        <v>0</v>
      </c>
      <c r="K88" s="3">
        <v>0</v>
      </c>
      <c r="L88" s="3">
        <v>0</v>
      </c>
    </row>
    <row r="89" spans="1:12" x14ac:dyDescent="0.35">
      <c r="A89" s="1" t="s">
        <v>71</v>
      </c>
      <c r="B89" s="1" t="s">
        <v>61</v>
      </c>
      <c r="C89" s="1" t="s">
        <v>39</v>
      </c>
      <c r="D89" s="1" t="s">
        <v>22</v>
      </c>
      <c r="E89" s="3">
        <v>-2.0000000000000018E-2</v>
      </c>
      <c r="F89" s="3">
        <v>-0.28999999999999998</v>
      </c>
      <c r="G89" s="3">
        <v>5.0000000000000044E-2</v>
      </c>
      <c r="H89" s="7">
        <v>1</v>
      </c>
      <c r="I89" s="7">
        <v>9.15275495914884E-2</v>
      </c>
      <c r="J89" s="3">
        <v>-1.8305509918297696E-3</v>
      </c>
      <c r="K89" s="3">
        <v>-2.6542989381531636E-2</v>
      </c>
      <c r="L89" s="3">
        <v>4.576377479574424E-3</v>
      </c>
    </row>
    <row r="90" spans="1:12" x14ac:dyDescent="0.35">
      <c r="A90" s="1" t="s">
        <v>71</v>
      </c>
      <c r="B90" s="1" t="s">
        <v>62</v>
      </c>
      <c r="C90" s="1" t="s">
        <v>39</v>
      </c>
      <c r="D90" s="1" t="s">
        <v>17</v>
      </c>
      <c r="E90" s="3">
        <v>9.9999999999999978E-2</v>
      </c>
      <c r="F90" s="3">
        <v>0</v>
      </c>
      <c r="G90" s="3">
        <v>9.9999999999999978E-2</v>
      </c>
      <c r="H90" s="7">
        <v>1</v>
      </c>
      <c r="I90" s="7">
        <v>9.6657589058403354E-2</v>
      </c>
      <c r="J90" s="3">
        <v>9.6657589058403333E-3</v>
      </c>
      <c r="K90" s="3">
        <v>0</v>
      </c>
      <c r="L90" s="3">
        <v>9.6657589058403333E-3</v>
      </c>
    </row>
    <row r="91" spans="1:12" x14ac:dyDescent="0.35">
      <c r="A91" s="1" t="s">
        <v>71</v>
      </c>
      <c r="B91" s="1" t="s">
        <v>63</v>
      </c>
      <c r="C91" s="1" t="s">
        <v>39</v>
      </c>
      <c r="D91" s="1" t="s">
        <v>64</v>
      </c>
      <c r="E91" s="3">
        <v>-0.26600000000000001</v>
      </c>
      <c r="F91" s="3">
        <v>-0.26600000000000001</v>
      </c>
      <c r="G91" s="3">
        <v>-0.26600000000000001</v>
      </c>
      <c r="H91" s="7">
        <v>1</v>
      </c>
      <c r="I91" s="7">
        <v>9.3522788899525935E-2</v>
      </c>
      <c r="J91" s="3">
        <v>-2.4877061847273899E-2</v>
      </c>
      <c r="K91" s="3">
        <v>-2.4877061847273899E-2</v>
      </c>
      <c r="L91" s="3">
        <v>-2.4877061847273899E-2</v>
      </c>
    </row>
    <row r="92" spans="1:12" x14ac:dyDescent="0.35">
      <c r="A92" s="1" t="s">
        <v>71</v>
      </c>
      <c r="B92" s="1" t="s">
        <v>68</v>
      </c>
      <c r="C92" s="1" t="s">
        <v>39</v>
      </c>
      <c r="D92" s="3" t="s">
        <v>67</v>
      </c>
      <c r="E92" s="3" t="s">
        <v>67</v>
      </c>
      <c r="F92" s="3" t="s">
        <v>67</v>
      </c>
      <c r="G92" s="3" t="s">
        <v>67</v>
      </c>
      <c r="H92" s="7" t="s">
        <v>67</v>
      </c>
      <c r="I92" s="7" t="s">
        <v>67</v>
      </c>
      <c r="J92" s="3">
        <v>0.57386450291917723</v>
      </c>
      <c r="K92" s="3">
        <v>0.37884074793248779</v>
      </c>
      <c r="L92" s="3">
        <v>0.49789663675824181</v>
      </c>
    </row>
    <row r="93" spans="1:12" x14ac:dyDescent="0.35">
      <c r="A93" s="1" t="s">
        <v>71</v>
      </c>
      <c r="B93" s="1" t="s">
        <v>69</v>
      </c>
      <c r="C93" s="1" t="s">
        <v>70</v>
      </c>
      <c r="D93" s="3" t="s">
        <v>67</v>
      </c>
      <c r="E93" s="3" t="s">
        <v>67</v>
      </c>
      <c r="F93" s="3" t="s">
        <v>67</v>
      </c>
      <c r="G93" s="3" t="s">
        <v>67</v>
      </c>
      <c r="H93" s="7" t="s">
        <v>67</v>
      </c>
      <c r="I93" s="7" t="s">
        <v>67</v>
      </c>
      <c r="J93" s="3">
        <v>416.88277660525983</v>
      </c>
      <c r="K93" s="3">
        <v>704.95121073677865</v>
      </c>
      <c r="L93" s="3">
        <v>637.9182464039186</v>
      </c>
    </row>
    <row r="94" spans="1:12" x14ac:dyDescent="0.35">
      <c r="A94" s="1" t="s">
        <v>72</v>
      </c>
      <c r="B94" s="1" t="s">
        <v>15</v>
      </c>
      <c r="C94" s="1" t="s">
        <v>16</v>
      </c>
      <c r="D94" s="1" t="s">
        <v>17</v>
      </c>
      <c r="E94" s="3">
        <v>0</v>
      </c>
      <c r="F94" s="3">
        <v>0</v>
      </c>
      <c r="G94" s="3">
        <v>0</v>
      </c>
      <c r="H94" s="7">
        <v>0.99498809648699538</v>
      </c>
      <c r="I94" s="7">
        <v>9.6657589058403354E-2</v>
      </c>
      <c r="J94" s="3">
        <v>0</v>
      </c>
      <c r="K94" s="3">
        <v>0</v>
      </c>
      <c r="L94" s="3">
        <v>0</v>
      </c>
    </row>
    <row r="95" spans="1:12" x14ac:dyDescent="0.35">
      <c r="A95" s="1" t="s">
        <v>72</v>
      </c>
      <c r="B95" s="1" t="s">
        <v>18</v>
      </c>
      <c r="C95" s="1" t="s">
        <v>16</v>
      </c>
      <c r="D95" s="1" t="s">
        <v>17</v>
      </c>
      <c r="E95" s="3">
        <v>-61</v>
      </c>
      <c r="F95" s="3">
        <v>-60</v>
      </c>
      <c r="G95" s="3">
        <v>-53</v>
      </c>
      <c r="H95" s="7">
        <v>1</v>
      </c>
      <c r="I95" s="7">
        <v>9.6657589058403354E-2</v>
      </c>
      <c r="J95" s="3">
        <v>-5.8961129325626045</v>
      </c>
      <c r="K95" s="3">
        <v>-5.7994553435042011</v>
      </c>
      <c r="L95" s="3">
        <v>-5.1228522200953774</v>
      </c>
    </row>
    <row r="96" spans="1:12" x14ac:dyDescent="0.35">
      <c r="A96" s="1" t="s">
        <v>72</v>
      </c>
      <c r="B96" s="1" t="s">
        <v>19</v>
      </c>
      <c r="C96" s="1" t="s">
        <v>16</v>
      </c>
      <c r="D96" s="1" t="s">
        <v>20</v>
      </c>
      <c r="E96" s="3">
        <v>0</v>
      </c>
      <c r="F96" s="3">
        <v>0</v>
      </c>
      <c r="G96" s="3">
        <v>0</v>
      </c>
      <c r="H96" s="7">
        <v>0</v>
      </c>
      <c r="I96" s="7">
        <v>0</v>
      </c>
      <c r="J96" s="3">
        <v>0</v>
      </c>
      <c r="K96" s="3">
        <v>0</v>
      </c>
      <c r="L96" s="3">
        <v>0</v>
      </c>
    </row>
    <row r="97" spans="1:12" x14ac:dyDescent="0.35">
      <c r="A97" s="1" t="s">
        <v>72</v>
      </c>
      <c r="B97" s="1" t="s">
        <v>21</v>
      </c>
      <c r="C97" s="1" t="s">
        <v>16</v>
      </c>
      <c r="D97" s="1" t="s">
        <v>22</v>
      </c>
      <c r="E97" s="3">
        <v>0</v>
      </c>
      <c r="F97" s="3">
        <v>0</v>
      </c>
      <c r="G97" s="3">
        <v>0</v>
      </c>
      <c r="H97" s="7">
        <v>0.74054708068499342</v>
      </c>
      <c r="I97" s="7">
        <v>9.15275495914884E-2</v>
      </c>
      <c r="J97" s="3">
        <v>0</v>
      </c>
      <c r="K97" s="3">
        <v>0</v>
      </c>
      <c r="L97" s="3">
        <v>0</v>
      </c>
    </row>
    <row r="98" spans="1:12" x14ac:dyDescent="0.35">
      <c r="A98" s="1" t="s">
        <v>72</v>
      </c>
      <c r="B98" s="1" t="s">
        <v>23</v>
      </c>
      <c r="C98" s="1" t="s">
        <v>16</v>
      </c>
      <c r="D98" s="1" t="s">
        <v>22</v>
      </c>
      <c r="E98" s="3">
        <v>0</v>
      </c>
      <c r="F98" s="3">
        <v>0</v>
      </c>
      <c r="G98" s="3">
        <v>0</v>
      </c>
      <c r="H98" s="7">
        <v>1</v>
      </c>
      <c r="I98" s="7">
        <v>9.15275495914884E-2</v>
      </c>
      <c r="J98" s="3">
        <v>0</v>
      </c>
      <c r="K98" s="3">
        <v>0</v>
      </c>
      <c r="L98" s="3">
        <v>0</v>
      </c>
    </row>
    <row r="99" spans="1:12" x14ac:dyDescent="0.35">
      <c r="A99" s="1" t="s">
        <v>72</v>
      </c>
      <c r="B99" s="1" t="s">
        <v>30</v>
      </c>
      <c r="C99" s="1" t="s">
        <v>16</v>
      </c>
      <c r="D99" s="1" t="s">
        <v>17</v>
      </c>
      <c r="E99" s="3">
        <v>808</v>
      </c>
      <c r="F99" s="3">
        <v>-2059</v>
      </c>
      <c r="G99" s="3">
        <v>-2202</v>
      </c>
      <c r="H99" s="7">
        <v>1</v>
      </c>
      <c r="I99" s="7">
        <v>9.6657589058403354E-2</v>
      </c>
      <c r="J99" s="3">
        <v>78.099331959189911</v>
      </c>
      <c r="K99" s="3">
        <v>-199.0179758712525</v>
      </c>
      <c r="L99" s="3">
        <v>-212.84001110660418</v>
      </c>
    </row>
    <row r="100" spans="1:12" x14ac:dyDescent="0.35">
      <c r="A100" s="1" t="s">
        <v>72</v>
      </c>
      <c r="B100" s="1" t="s">
        <v>25</v>
      </c>
      <c r="C100" s="1" t="s">
        <v>16</v>
      </c>
      <c r="D100" s="1" t="s">
        <v>22</v>
      </c>
      <c r="E100" s="3">
        <v>106</v>
      </c>
      <c r="F100" s="3">
        <v>36</v>
      </c>
      <c r="G100" s="3">
        <v>-14</v>
      </c>
      <c r="H100" s="7">
        <v>0.20051862666181633</v>
      </c>
      <c r="I100" s="7">
        <v>9.15275495914884E-2</v>
      </c>
      <c r="J100" s="3">
        <v>1.9454157258554936</v>
      </c>
      <c r="K100" s="3">
        <v>0.66070722764903556</v>
      </c>
      <c r="L100" s="3">
        <v>-0.2569416996412916</v>
      </c>
    </row>
    <row r="101" spans="1:12" x14ac:dyDescent="0.35">
      <c r="A101" s="1" t="s">
        <v>72</v>
      </c>
      <c r="B101" s="1" t="s">
        <v>26</v>
      </c>
      <c r="C101" s="1" t="s">
        <v>16</v>
      </c>
      <c r="D101" s="1" t="s">
        <v>17</v>
      </c>
      <c r="E101" s="3">
        <v>0</v>
      </c>
      <c r="F101" s="3">
        <v>0</v>
      </c>
      <c r="G101" s="3">
        <v>0</v>
      </c>
      <c r="H101" s="7">
        <v>4.0026938567631308E-2</v>
      </c>
      <c r="I101" s="7">
        <v>9.6657589058403354E-2</v>
      </c>
      <c r="J101" s="3">
        <v>0</v>
      </c>
      <c r="K101" s="3">
        <v>0</v>
      </c>
      <c r="L101" s="3">
        <v>0</v>
      </c>
    </row>
    <row r="102" spans="1:12" x14ac:dyDescent="0.35">
      <c r="A102" s="1" t="s">
        <v>72</v>
      </c>
      <c r="B102" s="1" t="s">
        <v>27</v>
      </c>
      <c r="C102" s="1" t="s">
        <v>16</v>
      </c>
      <c r="D102" s="1" t="s">
        <v>17</v>
      </c>
      <c r="E102" s="3">
        <v>0</v>
      </c>
      <c r="F102" s="3">
        <v>0</v>
      </c>
      <c r="G102" s="3">
        <v>0</v>
      </c>
      <c r="H102" s="7">
        <v>0.91710000000000003</v>
      </c>
      <c r="I102" s="7">
        <v>9.6657589058403354E-2</v>
      </c>
      <c r="J102" s="3">
        <v>0</v>
      </c>
      <c r="K102" s="3">
        <v>0</v>
      </c>
      <c r="L102" s="3">
        <v>0</v>
      </c>
    </row>
    <row r="103" spans="1:12" x14ac:dyDescent="0.35">
      <c r="A103" s="1" t="s">
        <v>72</v>
      </c>
      <c r="B103" s="1" t="s">
        <v>28</v>
      </c>
      <c r="C103" s="1" t="s">
        <v>16</v>
      </c>
      <c r="D103" s="1" t="s">
        <v>22</v>
      </c>
      <c r="E103" s="3">
        <v>0</v>
      </c>
      <c r="F103" s="3">
        <v>0</v>
      </c>
      <c r="G103" s="3">
        <v>0</v>
      </c>
      <c r="H103" s="7">
        <v>1</v>
      </c>
      <c r="I103" s="7">
        <v>9.15275495914884E-2</v>
      </c>
      <c r="J103" s="3"/>
      <c r="K103" s="3"/>
      <c r="L103" s="3"/>
    </row>
    <row r="104" spans="1:12" x14ac:dyDescent="0.35">
      <c r="A104" s="1" t="s">
        <v>72</v>
      </c>
      <c r="B104" s="1" t="s">
        <v>29</v>
      </c>
      <c r="C104" s="1" t="s">
        <v>16</v>
      </c>
      <c r="D104" s="1" t="s">
        <v>17</v>
      </c>
      <c r="E104" s="3">
        <v>-9.3487089999999853</v>
      </c>
      <c r="F104" s="3">
        <v>-397.84870899999999</v>
      </c>
      <c r="G104" s="3">
        <v>284.85129100000006</v>
      </c>
      <c r="H104" s="7">
        <v>6.7459015008865864E-2</v>
      </c>
      <c r="I104" s="7">
        <v>9.6657589058403354E-2</v>
      </c>
      <c r="J104" s="3">
        <v>-6.0957562902314001E-2</v>
      </c>
      <c r="K104" s="3">
        <v>-2.5941429671703284</v>
      </c>
      <c r="L104" s="3">
        <v>1.8573516930453053</v>
      </c>
    </row>
    <row r="105" spans="1:12" x14ac:dyDescent="0.35">
      <c r="A105" s="1" t="s">
        <v>72</v>
      </c>
      <c r="B105" s="1" t="s">
        <v>31</v>
      </c>
      <c r="C105" s="1" t="s">
        <v>16</v>
      </c>
      <c r="D105" s="1" t="s">
        <v>17</v>
      </c>
      <c r="E105" s="3">
        <v>-6</v>
      </c>
      <c r="F105" s="3">
        <v>-2</v>
      </c>
      <c r="G105" s="3">
        <v>-2</v>
      </c>
      <c r="H105" s="7">
        <v>0.96927288945833734</v>
      </c>
      <c r="I105" s="7">
        <v>9.6657589058403354E-2</v>
      </c>
      <c r="J105" s="3">
        <v>-0.56212548380829119</v>
      </c>
      <c r="K105" s="3">
        <v>-0.18737516126943038</v>
      </c>
      <c r="L105" s="3">
        <v>-0.18737516126943038</v>
      </c>
    </row>
    <row r="106" spans="1:12" x14ac:dyDescent="0.35">
      <c r="A106" s="1" t="s">
        <v>72</v>
      </c>
      <c r="B106" s="1" t="s">
        <v>32</v>
      </c>
      <c r="C106" s="1" t="s">
        <v>16</v>
      </c>
      <c r="D106" s="1" t="s">
        <v>17</v>
      </c>
      <c r="E106" s="3">
        <v>0</v>
      </c>
      <c r="F106" s="3">
        <v>0</v>
      </c>
      <c r="G106" s="3">
        <v>0</v>
      </c>
      <c r="H106" s="7">
        <v>0.68027054884628102</v>
      </c>
      <c r="I106" s="7">
        <v>9.6657589058403354E-2</v>
      </c>
      <c r="J106" s="3">
        <v>0</v>
      </c>
      <c r="K106" s="3">
        <v>0</v>
      </c>
      <c r="L106" s="3">
        <v>0</v>
      </c>
    </row>
    <row r="107" spans="1:12" x14ac:dyDescent="0.35">
      <c r="A107" s="1" t="s">
        <v>72</v>
      </c>
      <c r="B107" s="1" t="s">
        <v>33</v>
      </c>
      <c r="C107" s="1" t="s">
        <v>16</v>
      </c>
      <c r="D107" s="1" t="s">
        <v>20</v>
      </c>
      <c r="E107" s="3">
        <v>0</v>
      </c>
      <c r="F107" s="3">
        <v>0</v>
      </c>
      <c r="G107" s="3">
        <v>0</v>
      </c>
      <c r="H107" s="7">
        <v>0</v>
      </c>
      <c r="I107" s="7">
        <v>0</v>
      </c>
      <c r="J107" s="3">
        <v>0</v>
      </c>
      <c r="K107" s="3">
        <v>0</v>
      </c>
      <c r="L107" s="3">
        <v>0</v>
      </c>
    </row>
    <row r="108" spans="1:12" x14ac:dyDescent="0.35">
      <c r="A108" s="1" t="s">
        <v>72</v>
      </c>
      <c r="B108" s="1" t="s">
        <v>34</v>
      </c>
      <c r="C108" s="1" t="s">
        <v>16</v>
      </c>
      <c r="D108" s="1" t="s">
        <v>20</v>
      </c>
      <c r="E108" s="3">
        <v>0</v>
      </c>
      <c r="F108" s="3">
        <v>0</v>
      </c>
      <c r="G108" s="3">
        <v>0</v>
      </c>
      <c r="H108" s="7">
        <v>6.9791706651498603E-6</v>
      </c>
      <c r="I108" s="7">
        <v>0</v>
      </c>
      <c r="J108" s="3">
        <v>0</v>
      </c>
      <c r="K108" s="3">
        <v>0</v>
      </c>
      <c r="L108" s="3">
        <v>0</v>
      </c>
    </row>
    <row r="109" spans="1:12" x14ac:dyDescent="0.35">
      <c r="A109" s="1" t="s">
        <v>72</v>
      </c>
      <c r="B109" s="1" t="s">
        <v>35</v>
      </c>
      <c r="C109" s="1" t="s">
        <v>16</v>
      </c>
      <c r="D109" s="1" t="s">
        <v>20</v>
      </c>
      <c r="E109" s="3">
        <v>0</v>
      </c>
      <c r="F109" s="3">
        <v>0</v>
      </c>
      <c r="G109" s="3">
        <v>0</v>
      </c>
      <c r="H109" s="7">
        <v>0</v>
      </c>
      <c r="I109" s="7">
        <v>0</v>
      </c>
      <c r="J109" s="3">
        <v>0</v>
      </c>
      <c r="K109" s="3">
        <v>0</v>
      </c>
      <c r="L109" s="3">
        <v>0</v>
      </c>
    </row>
    <row r="110" spans="1:12" x14ac:dyDescent="0.35">
      <c r="A110" s="1" t="s">
        <v>72</v>
      </c>
      <c r="B110" s="1" t="s">
        <v>36</v>
      </c>
      <c r="C110" s="1" t="s">
        <v>16</v>
      </c>
      <c r="D110" s="1" t="s">
        <v>22</v>
      </c>
      <c r="E110" s="3">
        <v>0</v>
      </c>
      <c r="F110" s="3">
        <v>0</v>
      </c>
      <c r="G110" s="3">
        <v>0</v>
      </c>
      <c r="H110" s="7">
        <v>0.98255219999999999</v>
      </c>
      <c r="I110" s="7">
        <v>9.15275495914884E-2</v>
      </c>
      <c r="J110" s="3">
        <v>0</v>
      </c>
      <c r="K110" s="3">
        <v>0</v>
      </c>
      <c r="L110" s="3">
        <v>0</v>
      </c>
    </row>
    <row r="111" spans="1:12" x14ac:dyDescent="0.35">
      <c r="A111" s="1" t="s">
        <v>72</v>
      </c>
      <c r="B111" s="1" t="s">
        <v>73</v>
      </c>
      <c r="C111" s="1" t="s">
        <v>16</v>
      </c>
      <c r="D111" s="1" t="s">
        <v>17</v>
      </c>
      <c r="E111" s="3">
        <v>800</v>
      </c>
      <c r="F111" s="3">
        <v>-2239</v>
      </c>
      <c r="G111" s="3">
        <v>-2239</v>
      </c>
      <c r="H111" s="7">
        <v>1</v>
      </c>
      <c r="I111" s="7">
        <v>9.6657589058403354E-2</v>
      </c>
      <c r="J111" s="3">
        <v>77.326071246722677</v>
      </c>
      <c r="K111" s="3">
        <v>-216.41634190176512</v>
      </c>
      <c r="L111" s="3">
        <v>-216.41634190176512</v>
      </c>
    </row>
    <row r="112" spans="1:12" x14ac:dyDescent="0.35">
      <c r="A112" s="1" t="s">
        <v>72</v>
      </c>
      <c r="B112" s="1" t="s">
        <v>65</v>
      </c>
      <c r="C112" s="1" t="s">
        <v>16</v>
      </c>
      <c r="D112" s="1" t="s">
        <v>67</v>
      </c>
      <c r="E112" s="1" t="s">
        <v>67</v>
      </c>
      <c r="F112" s="1" t="s">
        <v>67</v>
      </c>
      <c r="G112" s="1" t="s">
        <v>67</v>
      </c>
      <c r="H112" s="7" t="s">
        <v>67</v>
      </c>
      <c r="I112" s="7" t="s">
        <v>67</v>
      </c>
      <c r="J112" s="3">
        <v>73.525551705772202</v>
      </c>
      <c r="K112" s="3">
        <v>-206.93824211554747</v>
      </c>
      <c r="L112" s="3">
        <v>-216.54982849456499</v>
      </c>
    </row>
  </sheetData>
  <autoFilter ref="A3:L112" xr:uid="{00000000-0009-0000-0000-000000000000}"/>
  <hyperlinks>
    <hyperlink ref="A2" r:id="rId1" xr:uid="{00000000-0004-0000-0000-000000000000}"/>
  </hyperlinks>
  <pageMargins left="0.7" right="0.7" top="0.75" bottom="0.75" header="0.3" footer="0.3"/>
  <pageSetup paperSize="9" orientation="portrait"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431D206-FE54-4849-928F-010EE44E939F}">
  <dimension ref="A1:F10"/>
  <sheetViews>
    <sheetView workbookViewId="0">
      <selection activeCell="C2" sqref="C2"/>
    </sheetView>
  </sheetViews>
  <sheetFormatPr defaultColWidth="8.7265625" defaultRowHeight="14" x14ac:dyDescent="0.3"/>
  <cols>
    <col min="1" max="1" width="12" style="8" bestFit="1" customWidth="1"/>
    <col min="2" max="2" width="64.1796875" style="8" bestFit="1" customWidth="1"/>
    <col min="3" max="3" width="32.81640625" style="8" bestFit="1" customWidth="1"/>
    <col min="4" max="16384" width="8.7265625" style="8"/>
  </cols>
  <sheetData>
    <row r="1" spans="1:6" ht="20" x14ac:dyDescent="0.4">
      <c r="A1" s="5" t="s">
        <v>74</v>
      </c>
    </row>
    <row r="2" spans="1:6" ht="28" x14ac:dyDescent="0.3">
      <c r="A2" s="9" t="s">
        <v>2</v>
      </c>
      <c r="B2" s="9" t="s">
        <v>3</v>
      </c>
      <c r="C2" s="9" t="s">
        <v>75</v>
      </c>
      <c r="D2" s="10" t="s">
        <v>76</v>
      </c>
      <c r="E2" s="10" t="s">
        <v>77</v>
      </c>
      <c r="F2" s="10" t="s">
        <v>78</v>
      </c>
    </row>
    <row r="3" spans="1:6" x14ac:dyDescent="0.3">
      <c r="A3" s="8" t="s">
        <v>79</v>
      </c>
      <c r="B3" s="8" t="s">
        <v>80</v>
      </c>
      <c r="C3" s="8" t="s">
        <v>81</v>
      </c>
      <c r="D3" s="8">
        <v>1.286</v>
      </c>
      <c r="E3" s="8" t="s">
        <v>67</v>
      </c>
      <c r="F3" s="8" t="s">
        <v>67</v>
      </c>
    </row>
    <row r="4" spans="1:6" x14ac:dyDescent="0.3">
      <c r="A4" s="8" t="s">
        <v>79</v>
      </c>
      <c r="B4" s="8" t="s">
        <v>82</v>
      </c>
      <c r="C4" s="8" t="s">
        <v>81</v>
      </c>
      <c r="D4" s="8">
        <v>2.097</v>
      </c>
      <c r="E4" s="8" t="s">
        <v>67</v>
      </c>
      <c r="F4" s="8" t="s">
        <v>67</v>
      </c>
    </row>
    <row r="5" spans="1:6" x14ac:dyDescent="0.3">
      <c r="A5" s="8" t="s">
        <v>79</v>
      </c>
      <c r="B5" s="8" t="s">
        <v>83</v>
      </c>
      <c r="C5" s="8" t="s">
        <v>84</v>
      </c>
      <c r="D5" s="8">
        <v>0.21099999999999999</v>
      </c>
      <c r="E5" s="8">
        <v>0.65900000000000003</v>
      </c>
      <c r="F5" s="8">
        <v>0.78700000000000003</v>
      </c>
    </row>
    <row r="6" spans="1:6" x14ac:dyDescent="0.3">
      <c r="A6" s="8" t="s">
        <v>79</v>
      </c>
      <c r="B6" s="8" t="s">
        <v>83</v>
      </c>
      <c r="C6" s="8" t="s">
        <v>85</v>
      </c>
      <c r="D6" s="8">
        <v>40.673999999999999</v>
      </c>
      <c r="E6" s="8" t="s">
        <v>67</v>
      </c>
      <c r="F6" s="8" t="s">
        <v>67</v>
      </c>
    </row>
    <row r="7" spans="1:6" x14ac:dyDescent="0.3">
      <c r="A7" s="8" t="s">
        <v>79</v>
      </c>
      <c r="B7" s="8" t="s">
        <v>86</v>
      </c>
      <c r="C7" s="8" t="s">
        <v>87</v>
      </c>
      <c r="D7" s="8">
        <v>44.268000000000001</v>
      </c>
      <c r="E7" s="8">
        <v>0.65900000000000003</v>
      </c>
      <c r="F7" s="8">
        <v>0.78700000000000003</v>
      </c>
    </row>
    <row r="8" spans="1:6" x14ac:dyDescent="0.3">
      <c r="A8" s="8" t="s">
        <v>88</v>
      </c>
      <c r="B8" s="8" t="s">
        <v>83</v>
      </c>
      <c r="C8" s="8" t="s">
        <v>84</v>
      </c>
      <c r="D8" s="8">
        <v>0.36599999999999999</v>
      </c>
      <c r="E8" s="8">
        <v>0.183</v>
      </c>
      <c r="F8" s="8" t="s">
        <v>67</v>
      </c>
    </row>
    <row r="9" spans="1:6" x14ac:dyDescent="0.3">
      <c r="A9" s="8" t="s">
        <v>88</v>
      </c>
      <c r="B9" s="8" t="s">
        <v>89</v>
      </c>
      <c r="C9" s="8" t="s">
        <v>87</v>
      </c>
      <c r="D9" s="8">
        <v>0.36599999999999999</v>
      </c>
      <c r="E9" s="8">
        <v>0.183</v>
      </c>
      <c r="F9" s="8" t="s">
        <v>67</v>
      </c>
    </row>
    <row r="10" spans="1:6" x14ac:dyDescent="0.3">
      <c r="A10" s="8" t="s">
        <v>90</v>
      </c>
      <c r="B10" s="8" t="s">
        <v>90</v>
      </c>
      <c r="C10" s="8" t="s">
        <v>87</v>
      </c>
      <c r="D10" s="8">
        <v>44.634</v>
      </c>
      <c r="E10" s="8">
        <v>0.84199999999999997</v>
      </c>
      <c r="F10" s="8">
        <v>0.78700000000000003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4BBC29-EE4C-4913-8562-7F61FEB809BC}">
  <dimension ref="A1:D18"/>
  <sheetViews>
    <sheetView workbookViewId="0">
      <selection activeCell="J8" sqref="J8"/>
    </sheetView>
  </sheetViews>
  <sheetFormatPr defaultColWidth="8.7265625" defaultRowHeight="14" x14ac:dyDescent="0.3"/>
  <cols>
    <col min="1" max="1" width="60" style="8" bestFit="1" customWidth="1"/>
    <col min="2" max="4" width="10.453125" style="8" bestFit="1" customWidth="1"/>
    <col min="5" max="16384" width="8.7265625" style="8"/>
  </cols>
  <sheetData>
    <row r="1" spans="1:4" ht="20" x14ac:dyDescent="0.4">
      <c r="A1" s="5" t="s">
        <v>91</v>
      </c>
    </row>
    <row r="2" spans="1:4" x14ac:dyDescent="0.3">
      <c r="A2" s="11" t="s">
        <v>92</v>
      </c>
      <c r="B2" s="11" t="s">
        <v>93</v>
      </c>
      <c r="C2" s="11" t="s">
        <v>94</v>
      </c>
      <c r="D2" s="11" t="s">
        <v>95</v>
      </c>
    </row>
    <row r="3" spans="1:4" x14ac:dyDescent="0.3">
      <c r="A3" s="8" t="s">
        <v>96</v>
      </c>
      <c r="B3" s="8">
        <v>0</v>
      </c>
      <c r="C3" s="8">
        <v>290.55200000000002</v>
      </c>
      <c r="D3" s="8">
        <v>309.69099999999997</v>
      </c>
    </row>
    <row r="4" spans="1:4" x14ac:dyDescent="0.3">
      <c r="A4" s="8" t="s">
        <v>18</v>
      </c>
      <c r="B4" s="8">
        <v>0</v>
      </c>
      <c r="C4" s="8">
        <v>192.81700000000001</v>
      </c>
      <c r="D4" s="8">
        <v>192.80699999999999</v>
      </c>
    </row>
    <row r="5" spans="1:4" x14ac:dyDescent="0.3">
      <c r="A5" s="8" t="s">
        <v>21</v>
      </c>
      <c r="B5" s="8">
        <v>0</v>
      </c>
      <c r="C5" s="8">
        <v>-8.4209999999999994</v>
      </c>
      <c r="D5" s="8">
        <v>-8.5879999999999992</v>
      </c>
    </row>
    <row r="6" spans="1:4" x14ac:dyDescent="0.3">
      <c r="A6" s="8" t="s">
        <v>23</v>
      </c>
      <c r="B6" s="8">
        <v>0</v>
      </c>
      <c r="C6" s="8">
        <v>-3.488</v>
      </c>
      <c r="D6" s="8">
        <v>-3.5569999999999999</v>
      </c>
    </row>
    <row r="7" spans="1:4" x14ac:dyDescent="0.3">
      <c r="A7" s="8" t="s">
        <v>24</v>
      </c>
      <c r="B7" s="8">
        <v>0</v>
      </c>
      <c r="C7" s="8">
        <v>49.473999999999997</v>
      </c>
      <c r="D7" s="8">
        <v>95.820999999999998</v>
      </c>
    </row>
    <row r="8" spans="1:4" x14ac:dyDescent="0.3">
      <c r="A8" s="8" t="s">
        <v>25</v>
      </c>
      <c r="B8" s="8">
        <v>0</v>
      </c>
      <c r="C8" s="8">
        <v>80.881</v>
      </c>
      <c r="D8" s="8">
        <v>-0.49</v>
      </c>
    </row>
    <row r="9" spans="1:4" x14ac:dyDescent="0.3">
      <c r="A9" s="8" t="s">
        <v>26</v>
      </c>
      <c r="B9" s="8">
        <v>0</v>
      </c>
      <c r="C9" s="8">
        <v>-8.5999999999999993E-2</v>
      </c>
      <c r="D9" s="8">
        <v>-8.6999999999999994E-2</v>
      </c>
    </row>
    <row r="10" spans="1:4" x14ac:dyDescent="0.3">
      <c r="A10" s="8" t="s">
        <v>97</v>
      </c>
      <c r="B10" s="8">
        <v>0</v>
      </c>
      <c r="C10" s="8">
        <v>-1.8049999999999999</v>
      </c>
      <c r="D10" s="8">
        <v>-1.841</v>
      </c>
    </row>
    <row r="11" spans="1:4" x14ac:dyDescent="0.3">
      <c r="A11" s="8" t="s">
        <v>29</v>
      </c>
      <c r="B11" s="8">
        <v>0</v>
      </c>
      <c r="C11" s="8">
        <v>-4.2000000000000003E-2</v>
      </c>
      <c r="D11" s="8">
        <v>-4.2999999999999997E-2</v>
      </c>
    </row>
    <row r="12" spans="1:4" x14ac:dyDescent="0.3">
      <c r="A12" s="8" t="s">
        <v>98</v>
      </c>
      <c r="B12" s="8">
        <v>0</v>
      </c>
      <c r="C12" s="8">
        <v>-0.23300000000000001</v>
      </c>
      <c r="D12" s="8">
        <v>-0.23699999999999999</v>
      </c>
    </row>
    <row r="13" spans="1:4" x14ac:dyDescent="0.3">
      <c r="A13" s="8" t="s">
        <v>99</v>
      </c>
      <c r="B13" s="8">
        <v>0</v>
      </c>
      <c r="C13" s="8">
        <v>-0.90600000000000003</v>
      </c>
      <c r="D13" s="8">
        <v>-0.92400000000000004</v>
      </c>
    </row>
    <row r="14" spans="1:4" x14ac:dyDescent="0.3">
      <c r="A14" s="8" t="s">
        <v>100</v>
      </c>
      <c r="B14" s="8">
        <v>0</v>
      </c>
      <c r="C14" s="8">
        <v>-0.41799999999999998</v>
      </c>
      <c r="D14" s="8">
        <v>-0.42599999999999999</v>
      </c>
    </row>
    <row r="15" spans="1:4" x14ac:dyDescent="0.3">
      <c r="A15" s="8" t="s">
        <v>36</v>
      </c>
      <c r="B15" s="8">
        <v>0</v>
      </c>
      <c r="C15" s="8">
        <v>-0.43099999999999999</v>
      </c>
      <c r="D15" s="8">
        <v>-0.44</v>
      </c>
    </row>
    <row r="16" spans="1:4" x14ac:dyDescent="0.3">
      <c r="A16" s="8" t="s">
        <v>101</v>
      </c>
      <c r="B16" s="8">
        <v>0</v>
      </c>
      <c r="C16" s="8">
        <v>-0.45400000000000001</v>
      </c>
      <c r="D16" s="8">
        <v>-0.46700000000000003</v>
      </c>
    </row>
    <row r="17" spans="1:4" x14ac:dyDescent="0.3">
      <c r="A17" s="8" t="s">
        <v>102</v>
      </c>
      <c r="B17" s="8">
        <v>0</v>
      </c>
      <c r="C17" s="8">
        <v>482.66399999999999</v>
      </c>
      <c r="D17" s="8">
        <v>240.434</v>
      </c>
    </row>
    <row r="18" spans="1:4" x14ac:dyDescent="0.3">
      <c r="A18" s="8" t="s">
        <v>103</v>
      </c>
      <c r="B18" s="8">
        <v>0</v>
      </c>
      <c r="C18" s="8">
        <v>1080.106</v>
      </c>
      <c r="D18" s="8">
        <v>821.654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E7B56A-4C29-4332-89B0-F81EB40E6476}">
  <dimension ref="A1:L25"/>
  <sheetViews>
    <sheetView workbookViewId="0"/>
  </sheetViews>
  <sheetFormatPr defaultColWidth="8.7265625" defaultRowHeight="14" x14ac:dyDescent="0.3"/>
  <cols>
    <col min="1" max="1" width="19.81640625" style="8" customWidth="1"/>
    <col min="2" max="2" width="28.1796875" style="8" bestFit="1" customWidth="1"/>
    <col min="3" max="3" width="57.26953125" style="8" bestFit="1" customWidth="1"/>
    <col min="4" max="16384" width="8.7265625" style="8"/>
  </cols>
  <sheetData>
    <row r="1" spans="1:12" s="9" customFormat="1" ht="20" x14ac:dyDescent="0.4">
      <c r="A1" s="5" t="s">
        <v>104</v>
      </c>
    </row>
    <row r="2" spans="1:12" s="9" customFormat="1" x14ac:dyDescent="0.3">
      <c r="A2" s="9" t="s">
        <v>105</v>
      </c>
      <c r="B2" s="9" t="s">
        <v>106</v>
      </c>
      <c r="C2" s="9" t="s">
        <v>107</v>
      </c>
      <c r="D2" s="9" t="s">
        <v>108</v>
      </c>
      <c r="E2" s="9" t="s">
        <v>109</v>
      </c>
      <c r="F2" s="9" t="s">
        <v>110</v>
      </c>
      <c r="G2" s="9" t="s">
        <v>111</v>
      </c>
      <c r="H2" s="9" t="s">
        <v>112</v>
      </c>
      <c r="I2" s="9" t="s">
        <v>113</v>
      </c>
      <c r="J2" s="9" t="s">
        <v>114</v>
      </c>
      <c r="K2" s="9" t="s">
        <v>115</v>
      </c>
      <c r="L2" s="9" t="s">
        <v>116</v>
      </c>
    </row>
    <row r="3" spans="1:12" x14ac:dyDescent="0.3">
      <c r="A3" s="8" t="s">
        <v>117</v>
      </c>
      <c r="B3" s="8" t="s">
        <v>18</v>
      </c>
      <c r="C3" s="8" t="s">
        <v>118</v>
      </c>
      <c r="D3" s="8" t="s">
        <v>17</v>
      </c>
      <c r="E3" s="8">
        <v>0</v>
      </c>
      <c r="F3" s="8">
        <v>0</v>
      </c>
      <c r="G3" s="8">
        <v>1740</v>
      </c>
      <c r="H3" s="8">
        <v>9.6926902999999995E-2</v>
      </c>
      <c r="I3" s="8">
        <v>1</v>
      </c>
      <c r="J3" s="8">
        <v>0</v>
      </c>
      <c r="K3" s="8">
        <v>0</v>
      </c>
      <c r="L3" s="8">
        <v>168.6528112</v>
      </c>
    </row>
    <row r="4" spans="1:12" x14ac:dyDescent="0.3">
      <c r="A4" s="8" t="s">
        <v>117</v>
      </c>
      <c r="B4" s="8" t="s">
        <v>18</v>
      </c>
      <c r="C4" s="8" t="s">
        <v>119</v>
      </c>
      <c r="D4" s="8" t="s">
        <v>17</v>
      </c>
      <c r="E4" s="8">
        <v>0</v>
      </c>
      <c r="F4" s="8">
        <v>0</v>
      </c>
      <c r="G4" s="8">
        <v>288</v>
      </c>
      <c r="H4" s="8">
        <v>9.6926902999999995E-2</v>
      </c>
      <c r="I4" s="8">
        <v>1</v>
      </c>
      <c r="J4" s="8">
        <v>0</v>
      </c>
      <c r="K4" s="8">
        <v>0</v>
      </c>
      <c r="L4" s="8">
        <v>27.91494806</v>
      </c>
    </row>
    <row r="5" spans="1:12" x14ac:dyDescent="0.3">
      <c r="A5" s="8" t="s">
        <v>117</v>
      </c>
      <c r="B5" s="8" t="s">
        <v>18</v>
      </c>
      <c r="C5" s="8" t="s">
        <v>120</v>
      </c>
      <c r="D5" s="8" t="s">
        <v>17</v>
      </c>
      <c r="E5" s="8">
        <v>0</v>
      </c>
      <c r="F5" s="8">
        <v>203.79872950000001</v>
      </c>
      <c r="G5" s="8">
        <v>0</v>
      </c>
      <c r="H5" s="8">
        <v>9.6926902999999995E-2</v>
      </c>
      <c r="I5" s="8">
        <v>1</v>
      </c>
      <c r="J5" s="8">
        <v>0</v>
      </c>
      <c r="K5" s="8">
        <v>19.753579689999999</v>
      </c>
      <c r="L5" s="8">
        <v>0</v>
      </c>
    </row>
    <row r="6" spans="1:12" x14ac:dyDescent="0.3">
      <c r="A6" s="8" t="s">
        <v>117</v>
      </c>
      <c r="B6" s="8" t="s">
        <v>18</v>
      </c>
      <c r="C6" s="8" t="s">
        <v>121</v>
      </c>
      <c r="D6" s="8" t="s">
        <v>17</v>
      </c>
      <c r="E6" s="8">
        <v>0</v>
      </c>
      <c r="F6" s="8">
        <v>4</v>
      </c>
      <c r="G6" s="8">
        <v>193</v>
      </c>
      <c r="H6" s="8">
        <v>9.6926902999999995E-2</v>
      </c>
      <c r="I6" s="8">
        <v>1</v>
      </c>
      <c r="J6" s="8">
        <v>0</v>
      </c>
      <c r="K6" s="8">
        <v>0.38770761199999998</v>
      </c>
      <c r="L6" s="8">
        <v>18.706892280000002</v>
      </c>
    </row>
    <row r="7" spans="1:12" x14ac:dyDescent="0.3">
      <c r="A7" s="8" t="s">
        <v>117</v>
      </c>
      <c r="B7" s="8" t="s">
        <v>96</v>
      </c>
      <c r="C7" s="8" t="s">
        <v>122</v>
      </c>
      <c r="D7" s="8" t="s">
        <v>17</v>
      </c>
      <c r="E7" s="8">
        <v>0</v>
      </c>
      <c r="F7" s="8">
        <v>6</v>
      </c>
      <c r="G7" s="8">
        <v>14</v>
      </c>
      <c r="H7" s="8">
        <v>9.6926902999999995E-2</v>
      </c>
      <c r="I7" s="8">
        <v>1</v>
      </c>
      <c r="J7" s="8">
        <v>0</v>
      </c>
      <c r="K7" s="8">
        <v>0.58156141800000005</v>
      </c>
      <c r="L7" s="8">
        <v>1.356976642</v>
      </c>
    </row>
    <row r="8" spans="1:12" x14ac:dyDescent="0.3">
      <c r="A8" s="8" t="s">
        <v>117</v>
      </c>
      <c r="B8" s="8" t="s">
        <v>96</v>
      </c>
      <c r="C8" s="8" t="s">
        <v>123</v>
      </c>
      <c r="D8" s="8" t="s">
        <v>17</v>
      </c>
      <c r="E8" s="8">
        <v>0</v>
      </c>
      <c r="F8" s="8">
        <v>0</v>
      </c>
      <c r="G8" s="8">
        <v>4</v>
      </c>
      <c r="H8" s="8">
        <v>9.6926902999999995E-2</v>
      </c>
      <c r="I8" s="8">
        <v>1</v>
      </c>
      <c r="J8" s="8">
        <v>0</v>
      </c>
      <c r="K8" s="8">
        <v>0</v>
      </c>
      <c r="L8" s="8">
        <v>0.38770761199999998</v>
      </c>
    </row>
    <row r="9" spans="1:12" x14ac:dyDescent="0.3">
      <c r="A9" s="8" t="s">
        <v>117</v>
      </c>
      <c r="B9" s="8" t="s">
        <v>25</v>
      </c>
      <c r="C9" s="8" t="s">
        <v>124</v>
      </c>
      <c r="D9" s="8" t="s">
        <v>22</v>
      </c>
      <c r="E9" s="8">
        <v>0</v>
      </c>
      <c r="F9" s="8">
        <v>43</v>
      </c>
      <c r="G9" s="8">
        <v>181</v>
      </c>
      <c r="H9" s="8">
        <v>9.1880146999999995E-2</v>
      </c>
      <c r="I9" s="8">
        <v>1</v>
      </c>
      <c r="J9" s="8">
        <v>0</v>
      </c>
      <c r="K9" s="8">
        <v>3.9508463100000002</v>
      </c>
      <c r="L9" s="8">
        <v>16.630306560000001</v>
      </c>
    </row>
    <row r="10" spans="1:12" x14ac:dyDescent="0.3">
      <c r="A10" s="8" t="s">
        <v>117</v>
      </c>
      <c r="B10" s="8" t="s">
        <v>18</v>
      </c>
      <c r="C10" s="8" t="s">
        <v>125</v>
      </c>
      <c r="D10" s="8" t="s">
        <v>17</v>
      </c>
      <c r="E10" s="8">
        <v>0</v>
      </c>
      <c r="F10" s="8">
        <v>0</v>
      </c>
      <c r="G10" s="8">
        <v>34.4</v>
      </c>
      <c r="H10" s="8">
        <v>9.6926902999999995E-2</v>
      </c>
      <c r="I10" s="8">
        <v>1</v>
      </c>
      <c r="J10" s="8">
        <v>0</v>
      </c>
      <c r="K10" s="8">
        <v>0</v>
      </c>
      <c r="L10" s="8">
        <v>3.3342854630000001</v>
      </c>
    </row>
    <row r="11" spans="1:12" x14ac:dyDescent="0.3">
      <c r="A11" s="8" t="s">
        <v>117</v>
      </c>
      <c r="B11" s="8" t="s">
        <v>18</v>
      </c>
      <c r="C11" s="8" t="s">
        <v>126</v>
      </c>
      <c r="D11" s="8" t="s">
        <v>17</v>
      </c>
      <c r="E11" s="8">
        <v>0</v>
      </c>
      <c r="F11" s="8">
        <v>5.7</v>
      </c>
      <c r="G11" s="8">
        <v>13.4</v>
      </c>
      <c r="H11" s="8">
        <v>9.6926902999999995E-2</v>
      </c>
      <c r="I11" s="8">
        <v>1</v>
      </c>
      <c r="J11" s="8">
        <v>0</v>
      </c>
      <c r="K11" s="8">
        <v>0.55248334700000001</v>
      </c>
      <c r="L11" s="8">
        <v>1.2988204999999999</v>
      </c>
    </row>
    <row r="12" spans="1:12" x14ac:dyDescent="0.3">
      <c r="A12" s="8" t="s">
        <v>117</v>
      </c>
      <c r="B12" s="8" t="s">
        <v>25</v>
      </c>
      <c r="C12" s="8" t="s">
        <v>127</v>
      </c>
      <c r="D12" s="8" t="s">
        <v>17</v>
      </c>
      <c r="E12" s="8">
        <v>0</v>
      </c>
      <c r="F12" s="8">
        <v>5</v>
      </c>
      <c r="G12" s="8">
        <v>10</v>
      </c>
      <c r="H12" s="8">
        <v>9.6926902999999995E-2</v>
      </c>
      <c r="I12" s="8">
        <v>1</v>
      </c>
      <c r="J12" s="8">
        <v>0</v>
      </c>
      <c r="K12" s="8">
        <v>0.48463451499999999</v>
      </c>
      <c r="L12" s="8">
        <v>0.96926902999999998</v>
      </c>
    </row>
    <row r="13" spans="1:12" x14ac:dyDescent="0.3">
      <c r="A13" s="8" t="s">
        <v>117</v>
      </c>
      <c r="B13" s="8" t="s">
        <v>25</v>
      </c>
      <c r="C13" s="8" t="s">
        <v>128</v>
      </c>
      <c r="D13" s="8" t="s">
        <v>17</v>
      </c>
      <c r="E13" s="8">
        <v>0</v>
      </c>
      <c r="F13" s="8">
        <v>5.03</v>
      </c>
      <c r="G13" s="8">
        <v>28.518999999999998</v>
      </c>
      <c r="H13" s="8">
        <v>9.6926902999999995E-2</v>
      </c>
      <c r="I13" s="8">
        <v>1</v>
      </c>
      <c r="J13" s="8">
        <v>0</v>
      </c>
      <c r="K13" s="8">
        <v>0.48754232199999997</v>
      </c>
      <c r="L13" s="8">
        <v>2.7642583460000001</v>
      </c>
    </row>
    <row r="14" spans="1:12" x14ac:dyDescent="0.3">
      <c r="A14" s="8" t="s">
        <v>117</v>
      </c>
      <c r="B14" s="8" t="s">
        <v>96</v>
      </c>
      <c r="C14" s="8" t="s">
        <v>129</v>
      </c>
      <c r="D14" s="8" t="s">
        <v>17</v>
      </c>
      <c r="E14" s="8">
        <v>0</v>
      </c>
      <c r="F14" s="8">
        <v>0</v>
      </c>
      <c r="G14" s="8">
        <v>10</v>
      </c>
      <c r="H14" s="8">
        <v>9.6926902999999995E-2</v>
      </c>
      <c r="I14" s="8">
        <v>1</v>
      </c>
      <c r="J14" s="8">
        <v>0</v>
      </c>
      <c r="K14" s="8">
        <v>0</v>
      </c>
      <c r="L14" s="8">
        <v>0.96926902999999998</v>
      </c>
    </row>
    <row r="15" spans="1:12" x14ac:dyDescent="0.3">
      <c r="A15" s="8" t="s">
        <v>117</v>
      </c>
      <c r="B15" s="8" t="s">
        <v>96</v>
      </c>
      <c r="C15" s="8" t="s">
        <v>130</v>
      </c>
      <c r="D15" s="8" t="s">
        <v>17</v>
      </c>
      <c r="E15" s="8">
        <v>0</v>
      </c>
      <c r="F15" s="8">
        <v>49</v>
      </c>
      <c r="G15" s="8">
        <v>45</v>
      </c>
      <c r="H15" s="8">
        <v>9.6926902999999995E-2</v>
      </c>
      <c r="I15" s="8">
        <v>1</v>
      </c>
      <c r="J15" s="8">
        <v>0</v>
      </c>
      <c r="K15" s="8">
        <v>4.7494182470000004</v>
      </c>
      <c r="L15" s="8">
        <v>4.3617106349999997</v>
      </c>
    </row>
    <row r="16" spans="1:12" x14ac:dyDescent="0.3">
      <c r="A16" s="8" t="s">
        <v>117</v>
      </c>
      <c r="B16" s="8" t="s">
        <v>18</v>
      </c>
      <c r="C16" s="8" t="s">
        <v>131</v>
      </c>
      <c r="D16" s="8" t="s">
        <v>17</v>
      </c>
      <c r="E16" s="8">
        <v>0</v>
      </c>
      <c r="F16" s="8">
        <v>8.1</v>
      </c>
      <c r="G16" s="8">
        <v>8.1</v>
      </c>
      <c r="H16" s="8">
        <v>9.6926902999999995E-2</v>
      </c>
      <c r="I16" s="8">
        <v>1</v>
      </c>
      <c r="J16" s="8">
        <v>0</v>
      </c>
      <c r="K16" s="8">
        <v>0.78510791400000002</v>
      </c>
      <c r="L16" s="8">
        <v>0.78510791400000002</v>
      </c>
    </row>
    <row r="17" spans="1:12" x14ac:dyDescent="0.3">
      <c r="A17" s="8" t="s">
        <v>132</v>
      </c>
      <c r="B17" s="8" t="s">
        <v>97</v>
      </c>
      <c r="C17" s="8" t="s">
        <v>133</v>
      </c>
      <c r="D17" s="8" t="s">
        <v>17</v>
      </c>
      <c r="E17" s="8">
        <v>0</v>
      </c>
      <c r="F17" s="8">
        <v>200</v>
      </c>
      <c r="G17" s="8">
        <v>0</v>
      </c>
      <c r="H17" s="8">
        <v>9.6926902999999995E-2</v>
      </c>
      <c r="I17" s="8">
        <v>1</v>
      </c>
      <c r="J17" s="8">
        <v>0</v>
      </c>
      <c r="K17" s="8">
        <v>19.385380600000001</v>
      </c>
      <c r="L17" s="8">
        <v>0</v>
      </c>
    </row>
    <row r="18" spans="1:12" x14ac:dyDescent="0.3">
      <c r="A18" s="8" t="s">
        <v>117</v>
      </c>
      <c r="B18" s="8" t="s">
        <v>101</v>
      </c>
      <c r="C18" s="8" t="s">
        <v>134</v>
      </c>
      <c r="D18" s="8" t="s">
        <v>17</v>
      </c>
      <c r="E18" s="8">
        <v>0</v>
      </c>
      <c r="F18" s="8">
        <v>20</v>
      </c>
      <c r="G18" s="8">
        <v>0</v>
      </c>
      <c r="H18" s="8">
        <v>9.6926902999999995E-2</v>
      </c>
      <c r="I18" s="8">
        <v>1</v>
      </c>
      <c r="J18" s="8">
        <v>0</v>
      </c>
      <c r="K18" s="8">
        <v>1.93853806</v>
      </c>
      <c r="L18" s="8">
        <v>0</v>
      </c>
    </row>
    <row r="19" spans="1:12" x14ac:dyDescent="0.3">
      <c r="A19" s="8" t="s">
        <v>132</v>
      </c>
      <c r="B19" s="8" t="s">
        <v>101</v>
      </c>
      <c r="C19" s="8" t="s">
        <v>134</v>
      </c>
      <c r="D19" s="8" t="s">
        <v>17</v>
      </c>
      <c r="E19" s="8">
        <v>0</v>
      </c>
      <c r="F19" s="8">
        <v>40</v>
      </c>
      <c r="G19" s="8">
        <v>0</v>
      </c>
      <c r="H19" s="8">
        <v>9.6926902999999995E-2</v>
      </c>
      <c r="I19" s="8">
        <v>1</v>
      </c>
      <c r="J19" s="8">
        <v>0</v>
      </c>
      <c r="K19" s="8">
        <v>3.8770761199999999</v>
      </c>
      <c r="L19" s="8">
        <v>0</v>
      </c>
    </row>
    <row r="20" spans="1:12" x14ac:dyDescent="0.3">
      <c r="A20" s="8" t="s">
        <v>117</v>
      </c>
      <c r="B20" s="8" t="s">
        <v>101</v>
      </c>
      <c r="C20" s="8" t="s">
        <v>135</v>
      </c>
      <c r="D20" s="8" t="s">
        <v>17</v>
      </c>
      <c r="E20" s="8">
        <v>0</v>
      </c>
      <c r="F20" s="8">
        <v>75.5</v>
      </c>
      <c r="G20" s="8">
        <v>1</v>
      </c>
      <c r="H20" s="8">
        <v>9.6926902999999995E-2</v>
      </c>
      <c r="I20" s="8">
        <v>1</v>
      </c>
      <c r="J20" s="8">
        <v>0</v>
      </c>
      <c r="K20" s="8">
        <v>7.317981176</v>
      </c>
      <c r="L20" s="8">
        <v>9.6926902999999995E-2</v>
      </c>
    </row>
    <row r="21" spans="1:12" x14ac:dyDescent="0.3">
      <c r="A21" s="8" t="s">
        <v>132</v>
      </c>
      <c r="B21" s="8" t="s">
        <v>101</v>
      </c>
      <c r="C21" s="8" t="s">
        <v>135</v>
      </c>
      <c r="D21" s="8" t="s">
        <v>17</v>
      </c>
      <c r="E21" s="8">
        <v>0</v>
      </c>
      <c r="F21" s="8">
        <v>12.5</v>
      </c>
      <c r="G21" s="8">
        <v>12.5</v>
      </c>
      <c r="H21" s="8">
        <v>9.6926902999999995E-2</v>
      </c>
      <c r="I21" s="8">
        <v>1</v>
      </c>
      <c r="J21" s="8">
        <v>0</v>
      </c>
      <c r="K21" s="8">
        <v>1.211586287</v>
      </c>
      <c r="L21" s="8">
        <v>1.211586287</v>
      </c>
    </row>
    <row r="22" spans="1:12" x14ac:dyDescent="0.3">
      <c r="A22" s="8" t="s">
        <v>117</v>
      </c>
      <c r="B22" s="8" t="s">
        <v>96</v>
      </c>
      <c r="C22" s="8" t="s">
        <v>136</v>
      </c>
      <c r="D22" s="8" t="s">
        <v>17</v>
      </c>
      <c r="E22" s="8">
        <v>0</v>
      </c>
      <c r="F22" s="8">
        <v>10</v>
      </c>
      <c r="G22" s="8">
        <v>10</v>
      </c>
      <c r="H22" s="8">
        <v>9.6926902999999995E-2</v>
      </c>
      <c r="I22" s="8">
        <v>1</v>
      </c>
      <c r="J22" s="8">
        <v>0</v>
      </c>
      <c r="K22" s="8">
        <v>0.96926902999999998</v>
      </c>
      <c r="L22" s="8">
        <v>0.96926902999999998</v>
      </c>
    </row>
    <row r="23" spans="1:12" x14ac:dyDescent="0.3">
      <c r="A23" s="8" t="s">
        <v>117</v>
      </c>
      <c r="B23" s="8" t="s">
        <v>96</v>
      </c>
      <c r="C23" s="8" t="s">
        <v>137</v>
      </c>
      <c r="D23" s="8" t="s">
        <v>17</v>
      </c>
      <c r="E23" s="8">
        <v>0</v>
      </c>
      <c r="F23" s="8">
        <v>0</v>
      </c>
      <c r="G23" s="8">
        <v>3</v>
      </c>
      <c r="H23" s="8">
        <v>9.6926902999999995E-2</v>
      </c>
      <c r="I23" s="8">
        <v>1</v>
      </c>
      <c r="J23" s="8">
        <v>0</v>
      </c>
      <c r="K23" s="8">
        <v>0</v>
      </c>
      <c r="L23" s="8">
        <v>0.29078070900000003</v>
      </c>
    </row>
    <row r="24" spans="1:12" x14ac:dyDescent="0.3">
      <c r="A24" s="8" t="s">
        <v>117</v>
      </c>
      <c r="B24" s="8" t="s">
        <v>96</v>
      </c>
      <c r="C24" s="8" t="s">
        <v>138</v>
      </c>
      <c r="D24" s="8" t="s">
        <v>17</v>
      </c>
      <c r="E24" s="8">
        <v>0</v>
      </c>
      <c r="F24" s="8">
        <v>5</v>
      </c>
      <c r="G24" s="8">
        <v>5</v>
      </c>
      <c r="H24" s="8">
        <v>9.6926902999999995E-2</v>
      </c>
      <c r="I24" s="8">
        <v>1</v>
      </c>
      <c r="J24" s="8">
        <v>0</v>
      </c>
      <c r="K24" s="8">
        <v>0.48463451499999999</v>
      </c>
      <c r="L24" s="8">
        <v>0.48463451499999999</v>
      </c>
    </row>
    <row r="25" spans="1:12" x14ac:dyDescent="0.3">
      <c r="A25" s="8" t="s">
        <v>117</v>
      </c>
      <c r="B25" s="8" t="s">
        <v>18</v>
      </c>
      <c r="C25" s="8" t="s">
        <v>139</v>
      </c>
      <c r="D25" s="8" t="s">
        <v>17</v>
      </c>
      <c r="E25" s="8">
        <v>0</v>
      </c>
      <c r="F25" s="8">
        <v>2.7</v>
      </c>
      <c r="G25" s="8">
        <v>4.5</v>
      </c>
      <c r="H25" s="8">
        <v>9.6926902999999995E-2</v>
      </c>
      <c r="I25" s="8">
        <v>1</v>
      </c>
      <c r="J25" s="8">
        <v>0</v>
      </c>
      <c r="K25" s="8">
        <v>0.26170263799999999</v>
      </c>
      <c r="L25" s="8">
        <v>0.43617106300000003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SPS document" ma:contentTypeID="0x0101005E5DD8656D982041A2F2278B8806232B0100AE884FC5EB680A49A95142FA4D96A686" ma:contentTypeVersion="25" ma:contentTypeDescription="" ma:contentTypeScope="" ma:versionID="2b1ce70264a68be17abe1ccc1d1cca35">
  <xsd:schema xmlns:xsd="http://www.w3.org/2001/XMLSchema" xmlns:xs="http://www.w3.org/2001/XMLSchema" xmlns:p="http://schemas.microsoft.com/office/2006/metadata/properties" xmlns:ns2="2aae4b3d-89b0-4287-b514-253578f20458" xmlns:ns3="ba1e2775-c5f7-4c38-89d0-c2a519a4d58b" targetNamespace="http://schemas.microsoft.com/office/2006/metadata/properties" ma:root="true" ma:fieldsID="30b7a7e242866adc670259e31eec3fc6" ns2:_="" ns3:_="">
    <xsd:import namespace="2aae4b3d-89b0-4287-b514-253578f20458"/>
    <xsd:import namespace="ba1e2775-c5f7-4c38-89d0-c2a519a4d58b"/>
    <xsd:element name="properties">
      <xsd:complexType>
        <xsd:sequence>
          <xsd:element name="documentManagement">
            <xsd:complexType>
              <xsd:all>
                <xsd:element ref="ns2:TaxCatchAll" minOccurs="0"/>
                <xsd:element ref="ns2:TaxCatchAllLabel" minOccurs="0"/>
                <xsd:element ref="ns2:ha2d3fbb5bda47118db6a0a97a3a64c7" minOccurs="0"/>
                <xsd:element ref="ns2:gd3e280c44c043e38ab992083fd5c2fd" minOccurs="0"/>
                <xsd:element ref="ns3:_dlc_DocId" minOccurs="0"/>
                <xsd:element ref="ns3:_dlc_DocIdUrl" minOccurs="0"/>
                <xsd:element ref="ns3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aae4b3d-89b0-4287-b514-253578f20458" elementFormDefault="qualified">
    <xsd:import namespace="http://schemas.microsoft.com/office/2006/documentManagement/types"/>
    <xsd:import namespace="http://schemas.microsoft.com/office/infopath/2007/PartnerControls"/>
    <xsd:element name="TaxCatchAll" ma:index="8" nillable="true" ma:displayName="Taxonomy Catch All Column" ma:hidden="true" ma:list="{24c4abfa-39f0-42b9-9850-fff322a5406d}" ma:internalName="TaxCatchAll" ma:showField="CatchAllData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9" nillable="true" ma:displayName="Taxonomy Catch All Column1" ma:hidden="true" ma:list="{24c4abfa-39f0-42b9-9850-fff322a5406d}" ma:internalName="TaxCatchAllLabel" ma:readOnly="true" ma:showField="CatchAllDataLabel" ma:web="ba1e2775-c5f7-4c38-89d0-c2a519a4d58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ha2d3fbb5bda47118db6a0a97a3a64c7" ma:index="10" nillable="true" ma:taxonomy="true" ma:internalName="ha2d3fbb5bda47118db6a0a97a3a64c7" ma:taxonomyFieldName="Security_x0020_marking" ma:displayName="Security marking" ma:default="" ma:fieldId="{1a2d3fbb-5bda-4711-8db6-a0a97a3a64c7}" ma:sspId="dae72980-c616-4350-b1f0-944e8da80af3" ma:termSetId="2101e3b3-ab6a-42f9-8e9e-f64b3905e49a" ma:anchorId="13ac7dcf-f3a2-4d0b-9e80-dd4d34be5e4c" ma:open="false" ma:isKeyword="false">
      <xsd:complexType>
        <xsd:sequence>
          <xsd:element ref="pc:Terms" minOccurs="0" maxOccurs="1"/>
        </xsd:sequence>
      </xsd:complexType>
    </xsd:element>
    <xsd:element name="gd3e280c44c043e38ab992083fd5c2fd" ma:index="12" nillable="true" ma:taxonomy="true" ma:internalName="gd3e280c44c043e38ab992083fd5c2fd" ma:taxonomyFieldName="Security_x0020_caveat" ma:displayName="Security caveat" ma:default="" ma:fieldId="{0d3e280c-44c0-43e3-8ab9-92083fd5c2fd}" ma:taxonomyMulti="true" ma:sspId="dae72980-c616-4350-b1f0-944e8da80af3" ma:termSetId="2101e3b3-ab6a-42f9-8e9e-f64b3905e49a" ma:anchorId="6fc02b3e-bb1c-4c4e-a2fe-3cc73cb9b89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a1e2775-c5f7-4c38-89d0-c2a519a4d58b" elementFormDefault="qualified">
    <xsd:import namespace="http://schemas.microsoft.com/office/2006/documentManagement/types"/>
    <xsd:import namespace="http://schemas.microsoft.com/office/infopath/2007/PartnerControls"/>
    <xsd:element name="_dlc_DocId" ma:index="14" nillable="true" ma:displayName="Document ID Value" ma:description="The value of the document ID assigned to this item." ma:indexed="true" ma:internalName="_dlc_DocId" ma:readOnly="true">
      <xsd:simpleType>
        <xsd:restriction base="dms:Text"/>
      </xsd:simpleType>
    </xsd:element>
    <xsd:element name="_dlc_DocIdUrl" ma:index="15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6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SharedContentType xmlns="Microsoft.SharePoint.Taxonomy.ContentTypeSync" SourceId="dae72980-c616-4350-b1f0-944e8da80af3" ContentTypeId="0x0101005E5DD8656D982041A2F2278B8806232B01" PreviousValue="false"/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2aae4b3d-89b0-4287-b514-253578f20458" xsi:nil="true"/>
    <gd3e280c44c043e38ab992083fd5c2fd xmlns="2aae4b3d-89b0-4287-b514-253578f20458">
      <Terms xmlns="http://schemas.microsoft.com/office/infopath/2007/PartnerControls"/>
    </gd3e280c44c043e38ab992083fd5c2fd>
    <ha2d3fbb5bda47118db6a0a97a3a64c7 xmlns="2aae4b3d-89b0-4287-b514-253578f20458">
      <Terms xmlns="http://schemas.microsoft.com/office/infopath/2007/PartnerControls"/>
    </ha2d3fbb5bda47118db6a0a97a3a64c7>
    <_dlc_DocId xmlns="ba1e2775-c5f7-4c38-89d0-c2a519a4d58b">SPICE-839046035-35270</_dlc_DocId>
    <_dlc_DocIdUrl xmlns="ba1e2775-c5f7-4c38-89d0-c2a519a4d58b">
      <Url>https://scottish4.sharepoint.com/sites/office-spice/_layouts/15/DocIdRedir.aspx?ID=SPICE-839046035-35270</Url>
      <Description>SPICE-839046035-35270</Description>
    </_dlc_DocIdUrl>
  </documentManagement>
</p:properties>
</file>

<file path=customXml/itemProps1.xml><?xml version="1.0" encoding="utf-8"?>
<ds:datastoreItem xmlns:ds="http://schemas.openxmlformats.org/officeDocument/2006/customXml" ds:itemID="{E57BD036-FBA7-4F5C-BAA7-B92E4B37C0A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8FD0CF0-F9C9-4FC2-8F31-51ED0BC3191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aae4b3d-89b0-4287-b514-253578f20458"/>
    <ds:schemaRef ds:uri="ba1e2775-c5f7-4c38-89d0-c2a519a4d58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0C167AF-259B-4EB3-B145-9CA2F6F66024}">
  <ds:schemaRefs>
    <ds:schemaRef ds:uri="Microsoft.SharePoint.Taxonomy.ContentTypeSync"/>
  </ds:schemaRefs>
</ds:datastoreItem>
</file>

<file path=customXml/itemProps4.xml><?xml version="1.0" encoding="utf-8"?>
<ds:datastoreItem xmlns:ds="http://schemas.openxmlformats.org/officeDocument/2006/customXml" ds:itemID="{3A522411-E627-48FD-9793-A80F6F7A845D}">
  <ds:schemaRefs>
    <ds:schemaRef ds:uri="http://schemas.microsoft.com/sharepoint/events"/>
  </ds:schemaRefs>
</ds:datastoreItem>
</file>

<file path=customXml/itemProps5.xml><?xml version="1.0" encoding="utf-8"?>
<ds:datastoreItem xmlns:ds="http://schemas.openxmlformats.org/officeDocument/2006/customXml" ds:itemID="{697CA9D2-8C7C-459B-8FCB-FB70EC57A80B}">
  <ds:schemaRefs>
    <ds:schemaRef ds:uri="http://purl.org/dc/dcmitype/"/>
    <ds:schemaRef ds:uri="http://purl.org/dc/elements/1.1/"/>
    <ds:schemaRef ds:uri="http://schemas.microsoft.com/office/2006/metadata/properties"/>
    <ds:schemaRef ds:uri="2aae4b3d-89b0-4287-b514-253578f20458"/>
    <ds:schemaRef ds:uri="http://schemas.microsoft.com/office/2006/documentManagement/types"/>
    <ds:schemaRef ds:uri="http://purl.org/dc/terms/"/>
    <ds:schemaRef ds:uri="http://schemas.microsoft.com/office/infopath/2007/PartnerControls"/>
    <ds:schemaRef ds:uri="http://schemas.openxmlformats.org/package/2006/metadata/core-properties"/>
    <ds:schemaRef ds:uri="ba1e2775-c5f7-4c38-89d0-c2a519a4d58b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2021 Spending review</vt:lpstr>
      <vt:lpstr>Spring Statement 2022</vt:lpstr>
      <vt:lpstr>Autumn Statement 2022</vt:lpstr>
      <vt:lpstr>Spring Budget 2023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drew Aiton</dc:creator>
  <cp:keywords/>
  <dc:description/>
  <cp:lastModifiedBy>Paterson L (Lindsay)</cp:lastModifiedBy>
  <cp:revision/>
  <dcterms:created xsi:type="dcterms:W3CDTF">2021-11-16T11:08:10Z</dcterms:created>
  <dcterms:modified xsi:type="dcterms:W3CDTF">2023-03-27T13:14:3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E5DD8656D982041A2F2278B8806232B0100AE884FC5EB680A49A95142FA4D96A686</vt:lpwstr>
  </property>
  <property fmtid="{D5CDD505-2E9C-101B-9397-08002B2CF9AE}" pid="3" name="Order">
    <vt:r8>8600</vt:r8>
  </property>
  <property fmtid="{D5CDD505-2E9C-101B-9397-08002B2CF9AE}" pid="4" name="Record classification">
    <vt:lpwstr/>
  </property>
  <property fmtid="{D5CDD505-2E9C-101B-9397-08002B2CF9AE}" pid="5" name="Security caveat">
    <vt:lpwstr/>
  </property>
  <property fmtid="{D5CDD505-2E9C-101B-9397-08002B2CF9AE}" pid="6" name="Security marking">
    <vt:lpwstr/>
  </property>
  <property fmtid="{D5CDD505-2E9C-101B-9397-08002B2CF9AE}" pid="7" name="_dlc_DocIdItemGuid">
    <vt:lpwstr>7d6e4cca-0dfd-9ddf-2325-663e140918e3</vt:lpwstr>
  </property>
</Properties>
</file>